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fntdata" ContentType="application/x-fontdata"/>
  <Default Extension="xml" ContentType="application/xml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diagrams/data3.xml" ContentType="application/vnd.openxmlformats-officedocument.drawingml.diagramData+xml"/>
  <Override PartName="/ppt/diagrams/data4.xml" ContentType="application/vnd.openxmlformats-officedocument.drawingml.diagramData+xml"/>
  <Override PartName="/ppt/diagrams/data5.xml" ContentType="application/vnd.openxmlformats-officedocument.drawingml.diagramData+xml"/>
  <Override PartName="/ppt/diagrams/data6.xml" ContentType="application/vnd.openxmlformats-officedocument.drawingml.diagramData+xml"/>
  <Override PartName="/ppt/diagrams/data7.xml" ContentType="application/vnd.openxmlformats-officedocument.drawingml.diagramData+xml"/>
  <Override PartName="/ppt/diagrams/data8.xml" ContentType="application/vnd.openxmlformats-officedocument.drawingml.diagramData+xml"/>
  <Override PartName="/ppt/diagrams/data9.xml" ContentType="application/vnd.openxmlformats-officedocument.drawingml.diagramData+xml"/>
  <Override PartName="/ppt/diagrams/data1.xml" ContentType="application/vnd.openxmlformats-officedocument.drawingml.diagramData+xml"/>
  <Override PartName="/ppt/diagrams/data2.xml" ContentType="application/vnd.openxmlformats-officedocument.drawingml.diagramData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30.xml" ContentType="application/vnd.openxmlformats-officedocument.presentationml.notesSlide+xml"/>
  <Override PartName="/ppt/notesMasters/notesMaster1.xml" ContentType="application/vnd.openxmlformats-officedocument.presentationml.notesMaster+xml"/>
  <Override PartName="/ppt/theme/theme1.xml" ContentType="application/vnd.openxmlformats-officedocument.theme+xml"/>
  <Override PartName="/ppt/theme/theme2.xml" ContentType="application/vnd.openxmlformats-officedocument.theme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layout8.xml" ContentType="application/vnd.openxmlformats-officedocument.drawingml.diagramLayout+xml"/>
  <Override PartName="/ppt/diagrams/colors6.xml" ContentType="application/vnd.openxmlformats-officedocument.drawingml.diagramColors+xml"/>
  <Override PartName="/ppt/diagrams/drawing8.xml" ContentType="application/vnd.ms-office.drawingml.diagramDrawing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drawing9.xml" ContentType="application/vnd.ms-office.drawingml.diagramDrawing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layout7.xml" ContentType="application/vnd.openxmlformats-officedocument.drawingml.diagramLayout+xml"/>
  <Override PartName="/ppt/diagrams/drawing4.xml" ContentType="application/vnd.ms-office.drawingml.diagramDrawing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colors9.xml" ContentType="application/vnd.openxmlformats-officedocument.drawingml.diagramColors+xml"/>
  <Override PartName="/ppt/charts/colors3.xml" ContentType="application/vnd.ms-office.chartcolorstyle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drawing6.xml" ContentType="application/vnd.ms-office.drawingml.diagramDrawing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69.xml" ContentType="application/vnd.openxmlformats-officedocument.presentationml.tags+xml"/>
  <Override PartName="/ppt/tags/tag55.xml" ContentType="application/vnd.openxmlformats-officedocument.presentationml.tags+xml"/>
  <Override PartName="/ppt/tags/tag71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25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31.xml" ContentType="application/vnd.openxmlformats-officedocument.presentationml.tags+xml"/>
  <Override PartName="/ppt/tags/tag62.xml" ContentType="application/vnd.openxmlformats-officedocument.presentationml.tags+xml"/>
  <Override PartName="/ppt/tags/tag65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8.xml" ContentType="application/vnd.openxmlformats-officedocument.presentationml.tags+xml"/>
  <Override PartName="/ppt/tags/tag50.xml" ContentType="application/vnd.openxmlformats-officedocument.presentationml.tags+xml"/>
  <Override PartName="/ppt/tags/tag66.xml" ContentType="application/vnd.openxmlformats-officedocument.presentationml.tags+xml"/>
  <Override PartName="/ppt/tags/tag4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67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70.xml" ContentType="application/vnd.openxmlformats-officedocument.presentationml.tags+xml"/>
  <Override PartName="/ppt/tags/tag53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59" r:id="rId1"/>
  </p:sldMasterIdLst>
  <p:notesMasterIdLst>
    <p:notesMasterId r:id="rId50"/>
  </p:notesMasterIdLst>
  <p:sldIdLst>
    <p:sldId id="256" r:id="rId2"/>
    <p:sldId id="260" r:id="rId3"/>
    <p:sldId id="280" r:id="rId4"/>
    <p:sldId id="281" r:id="rId5"/>
    <p:sldId id="282" r:id="rId6"/>
    <p:sldId id="283" r:id="rId7"/>
    <p:sldId id="277" r:id="rId8"/>
    <p:sldId id="279" r:id="rId9"/>
    <p:sldId id="278" r:id="rId10"/>
    <p:sldId id="275" r:id="rId11"/>
    <p:sldId id="284" r:id="rId12"/>
    <p:sldId id="286" r:id="rId13"/>
    <p:sldId id="287" r:id="rId14"/>
    <p:sldId id="288" r:id="rId15"/>
    <p:sldId id="289" r:id="rId16"/>
    <p:sldId id="276" r:id="rId17"/>
    <p:sldId id="290" r:id="rId18"/>
    <p:sldId id="475" r:id="rId19"/>
    <p:sldId id="476" r:id="rId20"/>
    <p:sldId id="477" r:id="rId21"/>
    <p:sldId id="478" r:id="rId22"/>
    <p:sldId id="479" r:id="rId23"/>
    <p:sldId id="480" r:id="rId24"/>
    <p:sldId id="481" r:id="rId25"/>
    <p:sldId id="482" r:id="rId26"/>
    <p:sldId id="483" r:id="rId27"/>
    <p:sldId id="484" r:id="rId28"/>
    <p:sldId id="485" r:id="rId29"/>
    <p:sldId id="486" r:id="rId30"/>
    <p:sldId id="467" r:id="rId31"/>
    <p:sldId id="468" r:id="rId32"/>
    <p:sldId id="469" r:id="rId33"/>
    <p:sldId id="470" r:id="rId34"/>
    <p:sldId id="471" r:id="rId35"/>
    <p:sldId id="472" r:id="rId36"/>
    <p:sldId id="473" r:id="rId37"/>
    <p:sldId id="474" r:id="rId38"/>
    <p:sldId id="291" r:id="rId39"/>
    <p:sldId id="292" r:id="rId40"/>
    <p:sldId id="294" r:id="rId41"/>
    <p:sldId id="297" r:id="rId42"/>
    <p:sldId id="293" r:id="rId43"/>
    <p:sldId id="296" r:id="rId44"/>
    <p:sldId id="460" r:id="rId45"/>
    <p:sldId id="462" r:id="rId46"/>
    <p:sldId id="463" r:id="rId47"/>
    <p:sldId id="464" r:id="rId48"/>
    <p:sldId id="465" r:id="rId49"/>
  </p:sldIdLst>
  <p:sldSz cx="12192000" cy="6858000"/>
  <p:notesSz cx="6858000" cy="9144000"/>
  <p:embeddedFontLst>
    <p:embeddedFont>
      <p:font typeface="DIN Next LT Arabic" panose="020B0503020203050203" pitchFamily="34" charset="-78"/>
      <p:regular r:id="rId51"/>
      <p:bold r:id="rId52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C7277"/>
    <a:srgbClr val="0C3555"/>
    <a:srgbClr val="C29943"/>
    <a:srgbClr val="03B09C"/>
    <a:srgbClr val="EBDEC3"/>
    <a:srgbClr val="01A5DB"/>
    <a:srgbClr val="84BD00"/>
    <a:srgbClr val="B33771"/>
    <a:srgbClr val="643278"/>
    <a:srgbClr val="F39C1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–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678" autoAdjust="0"/>
    <p:restoredTop sz="87320" autoAdjust="0"/>
  </p:normalViewPr>
  <p:slideViewPr>
    <p:cSldViewPr snapToGrid="0">
      <p:cViewPr varScale="1">
        <p:scale>
          <a:sx n="77" d="100"/>
          <a:sy n="77" d="100"/>
        </p:scale>
        <p:origin x="516" y="63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notesMaster" Target="notesMasters/notesMaster1.xml"/><Relationship Id="rId55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presProps" Target="presProps.xml"/><Relationship Id="rId58" Type="http://schemas.openxmlformats.org/officeDocument/2006/relationships/customXml" Target="../customXml/item2.xml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font" Target="fonts/font1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customXml" Target="../customXml/item3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customXml" Target="../customXml/item1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font" Target="fonts/font2.fntdata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4.3</c:v>
                </c:pt>
                <c:pt idx="1">
                  <c:v>2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26C-46B9-95BD-CC791FEC3A1A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4</c:v>
                </c:pt>
                <c:pt idx="1">
                  <c:v>4.400000000000000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26C-46B9-95BD-CC791FEC3A1A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26C-46B9-95BD-CC791FEC3A1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418144751"/>
        <c:axId val="1418136111"/>
      </c:barChart>
      <c:catAx>
        <c:axId val="141814475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36111"/>
        <c:crosses val="autoZero"/>
        <c:auto val="1"/>
        <c:lblAlgn val="ctr"/>
        <c:lblOffset val="100"/>
        <c:noMultiLvlLbl val="0"/>
      </c:catAx>
      <c:valAx>
        <c:axId val="1418136111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2"/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44751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4.3</c:v>
                </c:pt>
                <c:pt idx="1">
                  <c:v>2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26C-46B9-95BD-CC791FEC3A1A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4</c:v>
                </c:pt>
                <c:pt idx="1">
                  <c:v>4.400000000000000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26C-46B9-95BD-CC791FEC3A1A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26C-46B9-95BD-CC791FEC3A1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100"/>
        <c:axId val="1418144751"/>
        <c:axId val="1418136111"/>
      </c:barChart>
      <c:catAx>
        <c:axId val="141814475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36111"/>
        <c:crosses val="autoZero"/>
        <c:auto val="1"/>
        <c:lblAlgn val="ctr"/>
        <c:lblOffset val="100"/>
        <c:noMultiLvlLbl val="0"/>
      </c:catAx>
      <c:valAx>
        <c:axId val="1418136111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2"/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44751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4.3</c:v>
                </c:pt>
                <c:pt idx="1">
                  <c:v>2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26C-46B9-95BD-CC791FEC3A1A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4</c:v>
                </c:pt>
                <c:pt idx="1">
                  <c:v>4.400000000000000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26C-46B9-95BD-CC791FEC3A1A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226C-46B9-95BD-CC791FEC3A1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418144751"/>
        <c:axId val="1418136111"/>
      </c:lineChart>
      <c:catAx>
        <c:axId val="141814475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36111"/>
        <c:crosses val="autoZero"/>
        <c:auto val="1"/>
        <c:lblAlgn val="ctr"/>
        <c:lblOffset val="100"/>
        <c:noMultiLvlLbl val="0"/>
      </c:catAx>
      <c:valAx>
        <c:axId val="1418136111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2"/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44751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pList1" loCatId="list" qsTypeId="urn:microsoft.com/office/officeart/2005/8/quickstyle/simple1" qsCatId="simple" csTypeId="urn:microsoft.com/office/officeart/2005/8/colors/accent1_3" csCatId="accent1" phldr="0"/>
      <dgm:spPr/>
      <dgm:t>
        <a:bodyPr/>
        <a:lstStyle/>
        <a:p>
          <a:endParaRPr lang="en-US"/>
        </a:p>
      </dgm:t>
    </dgm:pt>
    <dgm:pt modelId="{183C7A0A-7C3C-469C-8810-BF673F6E224F}">
      <dgm:prSet phldrT="[Text]" phldr="1"/>
      <dgm:spPr/>
      <dgm:t>
        <a:bodyPr/>
        <a:lstStyle/>
        <a:p>
          <a:endParaRPr lang="en-US"/>
        </a:p>
      </dgm:t>
    </dgm:pt>
    <dgm:pt modelId="{936F94E6-CA9C-4E52-AEC5-FC0B37AA7AE6}" type="parTrans" cxnId="{C4060E23-82BC-4090-AF67-FA7D4485EA96}">
      <dgm:prSet/>
      <dgm:spPr/>
      <dgm:t>
        <a:bodyPr/>
        <a:lstStyle/>
        <a:p>
          <a:endParaRPr lang="en-US"/>
        </a:p>
      </dgm:t>
    </dgm:pt>
    <dgm:pt modelId="{9432FED6-0B3E-4606-AC8B-9C650528FFFD}" type="sibTrans" cxnId="{C4060E23-82BC-4090-AF67-FA7D4485EA96}">
      <dgm:prSet/>
      <dgm:spPr/>
      <dgm:t>
        <a:bodyPr/>
        <a:lstStyle/>
        <a:p>
          <a:endParaRPr lang="en-US"/>
        </a:p>
      </dgm:t>
    </dgm:pt>
    <dgm:pt modelId="{0FE1AB3D-BBEF-4CC9-B418-8224C42A9561}">
      <dgm:prSet phldrT="[Text]" phldr="1"/>
      <dgm:spPr/>
      <dgm:t>
        <a:bodyPr/>
        <a:lstStyle/>
        <a:p>
          <a:endParaRPr lang="en-US"/>
        </a:p>
      </dgm:t>
    </dgm:pt>
    <dgm:pt modelId="{9E01C0DF-479C-45DE-A150-F6C386EC6A79}" type="parTrans" cxnId="{8EE5B0F3-9D70-4C13-BE7D-9D683E961BC8}">
      <dgm:prSet/>
      <dgm:spPr/>
      <dgm:t>
        <a:bodyPr/>
        <a:lstStyle/>
        <a:p>
          <a:endParaRPr lang="en-US"/>
        </a:p>
      </dgm:t>
    </dgm:pt>
    <dgm:pt modelId="{BEE527C8-7704-4F64-B706-8CD7948A85B0}" type="sibTrans" cxnId="{8EE5B0F3-9D70-4C13-BE7D-9D683E961BC8}">
      <dgm:prSet/>
      <dgm:spPr/>
      <dgm:t>
        <a:bodyPr/>
        <a:lstStyle/>
        <a:p>
          <a:endParaRPr lang="en-US"/>
        </a:p>
      </dgm:t>
    </dgm:pt>
    <dgm:pt modelId="{7355896E-16D9-463D-83E9-A5A80F48C971}">
      <dgm:prSet phldrT="[Text]" phldr="1"/>
      <dgm:spPr/>
      <dgm:t>
        <a:bodyPr/>
        <a:lstStyle/>
        <a:p>
          <a:endParaRPr lang="en-US"/>
        </a:p>
      </dgm:t>
    </dgm:pt>
    <dgm:pt modelId="{D1AC117A-61E3-4DFD-94FA-DD050B005FE2}" type="parTrans" cxnId="{378B81E0-7344-4CED-A359-9B274FDF2679}">
      <dgm:prSet/>
      <dgm:spPr/>
      <dgm:t>
        <a:bodyPr/>
        <a:lstStyle/>
        <a:p>
          <a:endParaRPr lang="en-US"/>
        </a:p>
      </dgm:t>
    </dgm:pt>
    <dgm:pt modelId="{62F9C50C-F8B4-4431-93F3-E5C82B3AA80C}" type="sibTrans" cxnId="{378B81E0-7344-4CED-A359-9B274FDF2679}">
      <dgm:prSet/>
      <dgm:spPr/>
      <dgm:t>
        <a:bodyPr/>
        <a:lstStyle/>
        <a:p>
          <a:endParaRPr lang="en-US"/>
        </a:p>
      </dgm:t>
    </dgm:pt>
    <dgm:pt modelId="{F19BEE0C-7B58-4FC1-8332-C6D01507F0DB}">
      <dgm:prSet phldrT="[Text]" phldr="1"/>
      <dgm:spPr/>
      <dgm:t>
        <a:bodyPr/>
        <a:lstStyle/>
        <a:p>
          <a:endParaRPr lang="en-US"/>
        </a:p>
      </dgm:t>
    </dgm:pt>
    <dgm:pt modelId="{11019DF5-E933-4511-BAAF-BCE69ADFA98C}" type="parTrans" cxnId="{FEC1B744-C873-4889-8A1E-2E7B87220D6D}">
      <dgm:prSet/>
      <dgm:spPr/>
      <dgm:t>
        <a:bodyPr/>
        <a:lstStyle/>
        <a:p>
          <a:endParaRPr lang="en-US"/>
        </a:p>
      </dgm:t>
    </dgm:pt>
    <dgm:pt modelId="{2B298C7A-8524-49FC-B807-AB295D041182}" type="sibTrans" cxnId="{FEC1B744-C873-4889-8A1E-2E7B87220D6D}">
      <dgm:prSet/>
      <dgm:spPr/>
      <dgm:t>
        <a:bodyPr/>
        <a:lstStyle/>
        <a:p>
          <a:endParaRPr lang="en-US"/>
        </a:p>
      </dgm:t>
    </dgm:pt>
    <dgm:pt modelId="{7089B7ED-2B80-4602-980C-9A04975C0B54}" type="pres">
      <dgm:prSet presAssocID="{CBCC504F-0FAB-487F-876D-E929F8569590}" presName="Name0" presStyleCnt="0">
        <dgm:presLayoutVars>
          <dgm:dir/>
          <dgm:resizeHandles val="exact"/>
        </dgm:presLayoutVars>
      </dgm:prSet>
      <dgm:spPr/>
    </dgm:pt>
    <dgm:pt modelId="{798B522C-85F0-467B-A53C-453CC70CA2CF}" type="pres">
      <dgm:prSet presAssocID="{183C7A0A-7C3C-469C-8810-BF673F6E224F}" presName="compNode" presStyleCnt="0"/>
      <dgm:spPr/>
    </dgm:pt>
    <dgm:pt modelId="{E6C58D02-2877-419F-B58A-E49571EF410C}" type="pres">
      <dgm:prSet presAssocID="{183C7A0A-7C3C-469C-8810-BF673F6E224F}" presName="pictRect" presStyleLbl="node1" presStyleIdx="0" presStyleCnt="4"/>
      <dgm:spPr>
        <a:solidFill>
          <a:srgbClr val="C29943"/>
        </a:solidFill>
        <a:ln>
          <a:noFill/>
        </a:ln>
      </dgm:spPr>
    </dgm:pt>
    <dgm:pt modelId="{439BCF20-9ED7-4E81-AEDE-0355250E3FBB}" type="pres">
      <dgm:prSet presAssocID="{183C7A0A-7C3C-469C-8810-BF673F6E224F}" presName="textRect" presStyleLbl="revTx" presStyleIdx="0" presStyleCnt="4">
        <dgm:presLayoutVars>
          <dgm:bulletEnabled val="1"/>
        </dgm:presLayoutVars>
      </dgm:prSet>
      <dgm:spPr/>
    </dgm:pt>
    <dgm:pt modelId="{9BDF39AB-5E82-485D-84F4-8F96B6DC3905}" type="pres">
      <dgm:prSet presAssocID="{9432FED6-0B3E-4606-AC8B-9C650528FFFD}" presName="sibTrans" presStyleLbl="sibTrans2D1" presStyleIdx="0" presStyleCnt="0"/>
      <dgm:spPr/>
    </dgm:pt>
    <dgm:pt modelId="{CA991117-C7DD-41B4-A2BF-9DF5B1F4B79B}" type="pres">
      <dgm:prSet presAssocID="{0FE1AB3D-BBEF-4CC9-B418-8224C42A9561}" presName="compNode" presStyleCnt="0"/>
      <dgm:spPr/>
    </dgm:pt>
    <dgm:pt modelId="{71BFD3DE-8ED3-4DA5-807C-70D21163B563}" type="pres">
      <dgm:prSet presAssocID="{0FE1AB3D-BBEF-4CC9-B418-8224C42A9561}" presName="pictRect" presStyleLbl="node1" presStyleIdx="1" presStyleCnt="4"/>
      <dgm:spPr>
        <a:solidFill>
          <a:srgbClr val="0C3555"/>
        </a:solidFill>
        <a:ln>
          <a:noFill/>
        </a:ln>
      </dgm:spPr>
    </dgm:pt>
    <dgm:pt modelId="{14544AF3-6464-4840-B9E8-AF76F136BE37}" type="pres">
      <dgm:prSet presAssocID="{0FE1AB3D-BBEF-4CC9-B418-8224C42A9561}" presName="textRect" presStyleLbl="revTx" presStyleIdx="1" presStyleCnt="4">
        <dgm:presLayoutVars>
          <dgm:bulletEnabled val="1"/>
        </dgm:presLayoutVars>
      </dgm:prSet>
      <dgm:spPr/>
    </dgm:pt>
    <dgm:pt modelId="{594F429F-5CF3-4E7F-B753-3B1705109836}" type="pres">
      <dgm:prSet presAssocID="{BEE527C8-7704-4F64-B706-8CD7948A85B0}" presName="sibTrans" presStyleLbl="sibTrans2D1" presStyleIdx="0" presStyleCnt="0"/>
      <dgm:spPr/>
    </dgm:pt>
    <dgm:pt modelId="{3C6CA7E2-0E99-4971-B56B-A99DDB70E214}" type="pres">
      <dgm:prSet presAssocID="{7355896E-16D9-463D-83E9-A5A80F48C971}" presName="compNode" presStyleCnt="0"/>
      <dgm:spPr/>
    </dgm:pt>
    <dgm:pt modelId="{387D96AD-1321-4178-A5EF-A3023DBFA890}" type="pres">
      <dgm:prSet presAssocID="{7355896E-16D9-463D-83E9-A5A80F48C971}" presName="pictRect" presStyleLbl="node1" presStyleIdx="2" presStyleCnt="4"/>
      <dgm:spPr>
        <a:ln>
          <a:noFill/>
        </a:ln>
      </dgm:spPr>
    </dgm:pt>
    <dgm:pt modelId="{A2681C27-50C0-463F-AD96-7E524E67FCAC}" type="pres">
      <dgm:prSet presAssocID="{7355896E-16D9-463D-83E9-A5A80F48C971}" presName="textRect" presStyleLbl="revTx" presStyleIdx="2" presStyleCnt="4">
        <dgm:presLayoutVars>
          <dgm:bulletEnabled val="1"/>
        </dgm:presLayoutVars>
      </dgm:prSet>
      <dgm:spPr/>
    </dgm:pt>
    <dgm:pt modelId="{C5674E8B-D285-4F0C-9279-8CCE5EB9C9C9}" type="pres">
      <dgm:prSet presAssocID="{62F9C50C-F8B4-4431-93F3-E5C82B3AA80C}" presName="sibTrans" presStyleLbl="sibTrans2D1" presStyleIdx="0" presStyleCnt="0"/>
      <dgm:spPr/>
    </dgm:pt>
    <dgm:pt modelId="{438E29E7-6B8D-49FC-A548-8ABC0537FC85}" type="pres">
      <dgm:prSet presAssocID="{F19BEE0C-7B58-4FC1-8332-C6D01507F0DB}" presName="compNode" presStyleCnt="0"/>
      <dgm:spPr/>
    </dgm:pt>
    <dgm:pt modelId="{14297EB4-7653-4B20-AF2D-CEEA1D94B23F}" type="pres">
      <dgm:prSet presAssocID="{F19BEE0C-7B58-4FC1-8332-C6D01507F0DB}" presName="pictRect" presStyleLbl="node1" presStyleIdx="3" presStyleCnt="4"/>
      <dgm:spPr>
        <a:solidFill>
          <a:srgbClr val="0C7277"/>
        </a:solidFill>
        <a:ln>
          <a:noFill/>
        </a:ln>
      </dgm:spPr>
    </dgm:pt>
    <dgm:pt modelId="{846A24B0-B35A-4D88-A092-A0498E0D87E2}" type="pres">
      <dgm:prSet presAssocID="{F19BEE0C-7B58-4FC1-8332-C6D01507F0DB}" presName="textRect" presStyleLbl="revTx" presStyleIdx="3" presStyleCnt="4">
        <dgm:presLayoutVars>
          <dgm:bulletEnabled val="1"/>
        </dgm:presLayoutVars>
      </dgm:prSet>
      <dgm:spPr/>
    </dgm:pt>
  </dgm:ptLst>
  <dgm:cxnLst>
    <dgm:cxn modelId="{91204107-067E-44B5-8A6F-890215A64F7F}" type="presOf" srcId="{7355896E-16D9-463D-83E9-A5A80F48C971}" destId="{A2681C27-50C0-463F-AD96-7E524E67FCAC}" srcOrd="0" destOrd="0" presId="urn:microsoft.com/office/officeart/2005/8/layout/pList1"/>
    <dgm:cxn modelId="{7C66C516-4862-4C19-95FD-3CA4C40A274E}" type="presOf" srcId="{9432FED6-0B3E-4606-AC8B-9C650528FFFD}" destId="{9BDF39AB-5E82-485D-84F4-8F96B6DC3905}" srcOrd="0" destOrd="0" presId="urn:microsoft.com/office/officeart/2005/8/layout/pList1"/>
    <dgm:cxn modelId="{C4060E23-82BC-4090-AF67-FA7D4485EA96}" srcId="{CBCC504F-0FAB-487F-876D-E929F8569590}" destId="{183C7A0A-7C3C-469C-8810-BF673F6E224F}" srcOrd="0" destOrd="0" parTransId="{936F94E6-CA9C-4E52-AEC5-FC0B37AA7AE6}" sibTransId="{9432FED6-0B3E-4606-AC8B-9C650528FFFD}"/>
    <dgm:cxn modelId="{5F149826-82A7-4F8F-B11B-2F1433570DBD}" type="presOf" srcId="{CBCC504F-0FAB-487F-876D-E929F8569590}" destId="{7089B7ED-2B80-4602-980C-9A04975C0B54}" srcOrd="0" destOrd="0" presId="urn:microsoft.com/office/officeart/2005/8/layout/pList1"/>
    <dgm:cxn modelId="{CC44DF27-B03A-4E63-AB84-27E188D1852B}" type="presOf" srcId="{BEE527C8-7704-4F64-B706-8CD7948A85B0}" destId="{594F429F-5CF3-4E7F-B753-3B1705109836}" srcOrd="0" destOrd="0" presId="urn:microsoft.com/office/officeart/2005/8/layout/pList1"/>
    <dgm:cxn modelId="{FEC1B744-C873-4889-8A1E-2E7B87220D6D}" srcId="{CBCC504F-0FAB-487F-876D-E929F8569590}" destId="{F19BEE0C-7B58-4FC1-8332-C6D01507F0DB}" srcOrd="3" destOrd="0" parTransId="{11019DF5-E933-4511-BAAF-BCE69ADFA98C}" sibTransId="{2B298C7A-8524-49FC-B807-AB295D041182}"/>
    <dgm:cxn modelId="{52C64354-D1C2-4877-8861-16671E0838DC}" type="presOf" srcId="{F19BEE0C-7B58-4FC1-8332-C6D01507F0DB}" destId="{846A24B0-B35A-4D88-A092-A0498E0D87E2}" srcOrd="0" destOrd="0" presId="urn:microsoft.com/office/officeart/2005/8/layout/pList1"/>
    <dgm:cxn modelId="{35C62989-37F2-406A-9BFE-E376CCF9F12F}" type="presOf" srcId="{183C7A0A-7C3C-469C-8810-BF673F6E224F}" destId="{439BCF20-9ED7-4E81-AEDE-0355250E3FBB}" srcOrd="0" destOrd="0" presId="urn:microsoft.com/office/officeart/2005/8/layout/pList1"/>
    <dgm:cxn modelId="{96CA08A9-FD70-495F-884C-6AFACD87DA75}" type="presOf" srcId="{0FE1AB3D-BBEF-4CC9-B418-8224C42A9561}" destId="{14544AF3-6464-4840-B9E8-AF76F136BE37}" srcOrd="0" destOrd="0" presId="urn:microsoft.com/office/officeart/2005/8/layout/pList1"/>
    <dgm:cxn modelId="{378B81E0-7344-4CED-A359-9B274FDF2679}" srcId="{CBCC504F-0FAB-487F-876D-E929F8569590}" destId="{7355896E-16D9-463D-83E9-A5A80F48C971}" srcOrd="2" destOrd="0" parTransId="{D1AC117A-61E3-4DFD-94FA-DD050B005FE2}" sibTransId="{62F9C50C-F8B4-4431-93F3-E5C82B3AA80C}"/>
    <dgm:cxn modelId="{14FBC1E0-FD85-4D88-965C-14220DC5C4DA}" type="presOf" srcId="{62F9C50C-F8B4-4431-93F3-E5C82B3AA80C}" destId="{C5674E8B-D285-4F0C-9279-8CCE5EB9C9C9}" srcOrd="0" destOrd="0" presId="urn:microsoft.com/office/officeart/2005/8/layout/pList1"/>
    <dgm:cxn modelId="{8EE5B0F3-9D70-4C13-BE7D-9D683E961BC8}" srcId="{CBCC504F-0FAB-487F-876D-E929F8569590}" destId="{0FE1AB3D-BBEF-4CC9-B418-8224C42A9561}" srcOrd="1" destOrd="0" parTransId="{9E01C0DF-479C-45DE-A150-F6C386EC6A79}" sibTransId="{BEE527C8-7704-4F64-B706-8CD7948A85B0}"/>
    <dgm:cxn modelId="{F621460E-9962-4347-B174-BF2F81841CC0}" type="presParOf" srcId="{7089B7ED-2B80-4602-980C-9A04975C0B54}" destId="{798B522C-85F0-467B-A53C-453CC70CA2CF}" srcOrd="0" destOrd="0" presId="urn:microsoft.com/office/officeart/2005/8/layout/pList1"/>
    <dgm:cxn modelId="{5EA8146F-5DB7-4CA5-971D-15F787253C7C}" type="presParOf" srcId="{798B522C-85F0-467B-A53C-453CC70CA2CF}" destId="{E6C58D02-2877-419F-B58A-E49571EF410C}" srcOrd="0" destOrd="0" presId="urn:microsoft.com/office/officeart/2005/8/layout/pList1"/>
    <dgm:cxn modelId="{9BD398FB-8527-4F5D-9A7E-1B8C9E1A9238}" type="presParOf" srcId="{798B522C-85F0-467B-A53C-453CC70CA2CF}" destId="{439BCF20-9ED7-4E81-AEDE-0355250E3FBB}" srcOrd="1" destOrd="0" presId="urn:microsoft.com/office/officeart/2005/8/layout/pList1"/>
    <dgm:cxn modelId="{A7C0E3FE-F239-4173-B713-2B0F570376CD}" type="presParOf" srcId="{7089B7ED-2B80-4602-980C-9A04975C0B54}" destId="{9BDF39AB-5E82-485D-84F4-8F96B6DC3905}" srcOrd="1" destOrd="0" presId="urn:microsoft.com/office/officeart/2005/8/layout/pList1"/>
    <dgm:cxn modelId="{8E674AE6-D64E-45B0-B457-136BD813F14C}" type="presParOf" srcId="{7089B7ED-2B80-4602-980C-9A04975C0B54}" destId="{CA991117-C7DD-41B4-A2BF-9DF5B1F4B79B}" srcOrd="2" destOrd="0" presId="urn:microsoft.com/office/officeart/2005/8/layout/pList1"/>
    <dgm:cxn modelId="{2984B2FB-9FCB-4DF7-A7F0-FFA00E07D3B3}" type="presParOf" srcId="{CA991117-C7DD-41B4-A2BF-9DF5B1F4B79B}" destId="{71BFD3DE-8ED3-4DA5-807C-70D21163B563}" srcOrd="0" destOrd="0" presId="urn:microsoft.com/office/officeart/2005/8/layout/pList1"/>
    <dgm:cxn modelId="{4A46C9A2-1358-4308-BE81-D8EAD549EAAD}" type="presParOf" srcId="{CA991117-C7DD-41B4-A2BF-9DF5B1F4B79B}" destId="{14544AF3-6464-4840-B9E8-AF76F136BE37}" srcOrd="1" destOrd="0" presId="urn:microsoft.com/office/officeart/2005/8/layout/pList1"/>
    <dgm:cxn modelId="{CAC85F73-B6F4-435F-9F0B-F7E5A58DB66F}" type="presParOf" srcId="{7089B7ED-2B80-4602-980C-9A04975C0B54}" destId="{594F429F-5CF3-4E7F-B753-3B1705109836}" srcOrd="3" destOrd="0" presId="urn:microsoft.com/office/officeart/2005/8/layout/pList1"/>
    <dgm:cxn modelId="{BD63BC84-666E-4CE3-9C55-5CFA5CB3F1F8}" type="presParOf" srcId="{7089B7ED-2B80-4602-980C-9A04975C0B54}" destId="{3C6CA7E2-0E99-4971-B56B-A99DDB70E214}" srcOrd="4" destOrd="0" presId="urn:microsoft.com/office/officeart/2005/8/layout/pList1"/>
    <dgm:cxn modelId="{35861EBF-F26F-498B-B2A5-DFD9EE9714EF}" type="presParOf" srcId="{3C6CA7E2-0E99-4971-B56B-A99DDB70E214}" destId="{387D96AD-1321-4178-A5EF-A3023DBFA890}" srcOrd="0" destOrd="0" presId="urn:microsoft.com/office/officeart/2005/8/layout/pList1"/>
    <dgm:cxn modelId="{DA0F4F6F-FFD8-49CF-82BB-EA4CD5957960}" type="presParOf" srcId="{3C6CA7E2-0E99-4971-B56B-A99DDB70E214}" destId="{A2681C27-50C0-463F-AD96-7E524E67FCAC}" srcOrd="1" destOrd="0" presId="urn:microsoft.com/office/officeart/2005/8/layout/pList1"/>
    <dgm:cxn modelId="{ED7BE083-33AA-4026-B0F2-A34EFE53C15B}" type="presParOf" srcId="{7089B7ED-2B80-4602-980C-9A04975C0B54}" destId="{C5674E8B-D285-4F0C-9279-8CCE5EB9C9C9}" srcOrd="5" destOrd="0" presId="urn:microsoft.com/office/officeart/2005/8/layout/pList1"/>
    <dgm:cxn modelId="{82182342-5A46-4604-AD8F-A31E0FC8A10D}" type="presParOf" srcId="{7089B7ED-2B80-4602-980C-9A04975C0B54}" destId="{438E29E7-6B8D-49FC-A548-8ABC0537FC85}" srcOrd="6" destOrd="0" presId="urn:microsoft.com/office/officeart/2005/8/layout/pList1"/>
    <dgm:cxn modelId="{7C255457-01D7-4627-9833-9D734BC18A03}" type="presParOf" srcId="{438E29E7-6B8D-49FC-A548-8ABC0537FC85}" destId="{14297EB4-7653-4B20-AF2D-CEEA1D94B23F}" srcOrd="0" destOrd="0" presId="urn:microsoft.com/office/officeart/2005/8/layout/pList1"/>
    <dgm:cxn modelId="{9D7CC428-1D3E-4337-8AF8-2EBE6279710B}" type="presParOf" srcId="{438E29E7-6B8D-49FC-A548-8ABC0537FC85}" destId="{846A24B0-B35A-4D88-A092-A0498E0D87E2}" srcOrd="1" destOrd="0" presId="urn:microsoft.com/office/officeart/2005/8/layout/p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pList1" loCatId="list" qsTypeId="urn:microsoft.com/office/officeart/2005/8/quickstyle/simple1" qsCatId="simple" csTypeId="urn:microsoft.com/office/officeart/2005/8/colors/accent1_3" csCatId="accent1" phldr="0"/>
      <dgm:spPr/>
      <dgm:t>
        <a:bodyPr/>
        <a:lstStyle/>
        <a:p>
          <a:endParaRPr lang="en-US"/>
        </a:p>
      </dgm:t>
    </dgm:pt>
    <dgm:pt modelId="{183C7A0A-7C3C-469C-8810-BF673F6E224F}">
      <dgm:prSet phldrT="[Text]" phldr="1"/>
      <dgm:spPr/>
      <dgm:t>
        <a:bodyPr/>
        <a:lstStyle/>
        <a:p>
          <a:endParaRPr lang="en-US"/>
        </a:p>
      </dgm:t>
    </dgm:pt>
    <dgm:pt modelId="{936F94E6-CA9C-4E52-AEC5-FC0B37AA7AE6}" type="parTrans" cxnId="{C4060E23-82BC-4090-AF67-FA7D4485EA96}">
      <dgm:prSet/>
      <dgm:spPr/>
      <dgm:t>
        <a:bodyPr/>
        <a:lstStyle/>
        <a:p>
          <a:endParaRPr lang="en-US"/>
        </a:p>
      </dgm:t>
    </dgm:pt>
    <dgm:pt modelId="{9432FED6-0B3E-4606-AC8B-9C650528FFFD}" type="sibTrans" cxnId="{C4060E23-82BC-4090-AF67-FA7D4485EA96}">
      <dgm:prSet/>
      <dgm:spPr/>
      <dgm:t>
        <a:bodyPr/>
        <a:lstStyle/>
        <a:p>
          <a:endParaRPr lang="en-US"/>
        </a:p>
      </dgm:t>
    </dgm:pt>
    <dgm:pt modelId="{0FE1AB3D-BBEF-4CC9-B418-8224C42A9561}">
      <dgm:prSet phldrT="[Text]" phldr="1"/>
      <dgm:spPr/>
      <dgm:t>
        <a:bodyPr/>
        <a:lstStyle/>
        <a:p>
          <a:endParaRPr lang="en-US"/>
        </a:p>
      </dgm:t>
    </dgm:pt>
    <dgm:pt modelId="{9E01C0DF-479C-45DE-A150-F6C386EC6A79}" type="parTrans" cxnId="{8EE5B0F3-9D70-4C13-BE7D-9D683E961BC8}">
      <dgm:prSet/>
      <dgm:spPr/>
      <dgm:t>
        <a:bodyPr/>
        <a:lstStyle/>
        <a:p>
          <a:endParaRPr lang="en-US"/>
        </a:p>
      </dgm:t>
    </dgm:pt>
    <dgm:pt modelId="{BEE527C8-7704-4F64-B706-8CD7948A85B0}" type="sibTrans" cxnId="{8EE5B0F3-9D70-4C13-BE7D-9D683E961BC8}">
      <dgm:prSet/>
      <dgm:spPr/>
      <dgm:t>
        <a:bodyPr/>
        <a:lstStyle/>
        <a:p>
          <a:endParaRPr lang="en-US"/>
        </a:p>
      </dgm:t>
    </dgm:pt>
    <dgm:pt modelId="{7355896E-16D9-463D-83E9-A5A80F48C971}">
      <dgm:prSet phldrT="[Text]" phldr="1"/>
      <dgm:spPr/>
      <dgm:t>
        <a:bodyPr/>
        <a:lstStyle/>
        <a:p>
          <a:endParaRPr lang="en-US"/>
        </a:p>
      </dgm:t>
    </dgm:pt>
    <dgm:pt modelId="{D1AC117A-61E3-4DFD-94FA-DD050B005FE2}" type="parTrans" cxnId="{378B81E0-7344-4CED-A359-9B274FDF2679}">
      <dgm:prSet/>
      <dgm:spPr/>
      <dgm:t>
        <a:bodyPr/>
        <a:lstStyle/>
        <a:p>
          <a:endParaRPr lang="en-US"/>
        </a:p>
      </dgm:t>
    </dgm:pt>
    <dgm:pt modelId="{62F9C50C-F8B4-4431-93F3-E5C82B3AA80C}" type="sibTrans" cxnId="{378B81E0-7344-4CED-A359-9B274FDF2679}">
      <dgm:prSet/>
      <dgm:spPr/>
      <dgm:t>
        <a:bodyPr/>
        <a:lstStyle/>
        <a:p>
          <a:endParaRPr lang="en-US"/>
        </a:p>
      </dgm:t>
    </dgm:pt>
    <dgm:pt modelId="{F19BEE0C-7B58-4FC1-8332-C6D01507F0DB}">
      <dgm:prSet phldrT="[Text]" phldr="1"/>
      <dgm:spPr/>
      <dgm:t>
        <a:bodyPr/>
        <a:lstStyle/>
        <a:p>
          <a:endParaRPr lang="en-US"/>
        </a:p>
      </dgm:t>
    </dgm:pt>
    <dgm:pt modelId="{11019DF5-E933-4511-BAAF-BCE69ADFA98C}" type="parTrans" cxnId="{FEC1B744-C873-4889-8A1E-2E7B87220D6D}">
      <dgm:prSet/>
      <dgm:spPr/>
      <dgm:t>
        <a:bodyPr/>
        <a:lstStyle/>
        <a:p>
          <a:endParaRPr lang="en-US"/>
        </a:p>
      </dgm:t>
    </dgm:pt>
    <dgm:pt modelId="{2B298C7A-8524-49FC-B807-AB295D041182}" type="sibTrans" cxnId="{FEC1B744-C873-4889-8A1E-2E7B87220D6D}">
      <dgm:prSet/>
      <dgm:spPr/>
      <dgm:t>
        <a:bodyPr/>
        <a:lstStyle/>
        <a:p>
          <a:endParaRPr lang="en-US"/>
        </a:p>
      </dgm:t>
    </dgm:pt>
    <dgm:pt modelId="{7089B7ED-2B80-4602-980C-9A04975C0B54}" type="pres">
      <dgm:prSet presAssocID="{CBCC504F-0FAB-487F-876D-E929F8569590}" presName="Name0" presStyleCnt="0">
        <dgm:presLayoutVars>
          <dgm:dir/>
          <dgm:resizeHandles val="exact"/>
        </dgm:presLayoutVars>
      </dgm:prSet>
      <dgm:spPr/>
    </dgm:pt>
    <dgm:pt modelId="{798B522C-85F0-467B-A53C-453CC70CA2CF}" type="pres">
      <dgm:prSet presAssocID="{183C7A0A-7C3C-469C-8810-BF673F6E224F}" presName="compNode" presStyleCnt="0"/>
      <dgm:spPr/>
    </dgm:pt>
    <dgm:pt modelId="{E6C58D02-2877-419F-B58A-E49571EF410C}" type="pres">
      <dgm:prSet presAssocID="{183C7A0A-7C3C-469C-8810-BF673F6E224F}" presName="pictRect" presStyleLbl="node1" presStyleIdx="0" presStyleCnt="4"/>
      <dgm:spPr>
        <a:solidFill>
          <a:srgbClr val="C29943"/>
        </a:solidFill>
        <a:ln>
          <a:noFill/>
        </a:ln>
      </dgm:spPr>
    </dgm:pt>
    <dgm:pt modelId="{439BCF20-9ED7-4E81-AEDE-0355250E3FBB}" type="pres">
      <dgm:prSet presAssocID="{183C7A0A-7C3C-469C-8810-BF673F6E224F}" presName="textRect" presStyleLbl="revTx" presStyleIdx="0" presStyleCnt="4">
        <dgm:presLayoutVars>
          <dgm:bulletEnabled val="1"/>
        </dgm:presLayoutVars>
      </dgm:prSet>
      <dgm:spPr/>
    </dgm:pt>
    <dgm:pt modelId="{9BDF39AB-5E82-485D-84F4-8F96B6DC3905}" type="pres">
      <dgm:prSet presAssocID="{9432FED6-0B3E-4606-AC8B-9C650528FFFD}" presName="sibTrans" presStyleLbl="sibTrans2D1" presStyleIdx="0" presStyleCnt="0"/>
      <dgm:spPr/>
    </dgm:pt>
    <dgm:pt modelId="{CA991117-C7DD-41B4-A2BF-9DF5B1F4B79B}" type="pres">
      <dgm:prSet presAssocID="{0FE1AB3D-BBEF-4CC9-B418-8224C42A9561}" presName="compNode" presStyleCnt="0"/>
      <dgm:spPr/>
    </dgm:pt>
    <dgm:pt modelId="{71BFD3DE-8ED3-4DA5-807C-70D21163B563}" type="pres">
      <dgm:prSet presAssocID="{0FE1AB3D-BBEF-4CC9-B418-8224C42A9561}" presName="pictRect" presStyleLbl="node1" presStyleIdx="1" presStyleCnt="4"/>
      <dgm:spPr>
        <a:solidFill>
          <a:srgbClr val="0C3555"/>
        </a:solidFill>
        <a:ln>
          <a:noFill/>
        </a:ln>
      </dgm:spPr>
    </dgm:pt>
    <dgm:pt modelId="{14544AF3-6464-4840-B9E8-AF76F136BE37}" type="pres">
      <dgm:prSet presAssocID="{0FE1AB3D-BBEF-4CC9-B418-8224C42A9561}" presName="textRect" presStyleLbl="revTx" presStyleIdx="1" presStyleCnt="4">
        <dgm:presLayoutVars>
          <dgm:bulletEnabled val="1"/>
        </dgm:presLayoutVars>
      </dgm:prSet>
      <dgm:spPr/>
    </dgm:pt>
    <dgm:pt modelId="{594F429F-5CF3-4E7F-B753-3B1705109836}" type="pres">
      <dgm:prSet presAssocID="{BEE527C8-7704-4F64-B706-8CD7948A85B0}" presName="sibTrans" presStyleLbl="sibTrans2D1" presStyleIdx="0" presStyleCnt="0"/>
      <dgm:spPr/>
    </dgm:pt>
    <dgm:pt modelId="{3C6CA7E2-0E99-4971-B56B-A99DDB70E214}" type="pres">
      <dgm:prSet presAssocID="{7355896E-16D9-463D-83E9-A5A80F48C971}" presName="compNode" presStyleCnt="0"/>
      <dgm:spPr/>
    </dgm:pt>
    <dgm:pt modelId="{387D96AD-1321-4178-A5EF-A3023DBFA890}" type="pres">
      <dgm:prSet presAssocID="{7355896E-16D9-463D-83E9-A5A80F48C971}" presName="pictRect" presStyleLbl="node1" presStyleIdx="2" presStyleCnt="4"/>
      <dgm:spPr>
        <a:ln>
          <a:noFill/>
        </a:ln>
      </dgm:spPr>
    </dgm:pt>
    <dgm:pt modelId="{A2681C27-50C0-463F-AD96-7E524E67FCAC}" type="pres">
      <dgm:prSet presAssocID="{7355896E-16D9-463D-83E9-A5A80F48C971}" presName="textRect" presStyleLbl="revTx" presStyleIdx="2" presStyleCnt="4">
        <dgm:presLayoutVars>
          <dgm:bulletEnabled val="1"/>
        </dgm:presLayoutVars>
      </dgm:prSet>
      <dgm:spPr/>
    </dgm:pt>
    <dgm:pt modelId="{C5674E8B-D285-4F0C-9279-8CCE5EB9C9C9}" type="pres">
      <dgm:prSet presAssocID="{62F9C50C-F8B4-4431-93F3-E5C82B3AA80C}" presName="sibTrans" presStyleLbl="sibTrans2D1" presStyleIdx="0" presStyleCnt="0"/>
      <dgm:spPr/>
    </dgm:pt>
    <dgm:pt modelId="{438E29E7-6B8D-49FC-A548-8ABC0537FC85}" type="pres">
      <dgm:prSet presAssocID="{F19BEE0C-7B58-4FC1-8332-C6D01507F0DB}" presName="compNode" presStyleCnt="0"/>
      <dgm:spPr/>
    </dgm:pt>
    <dgm:pt modelId="{14297EB4-7653-4B20-AF2D-CEEA1D94B23F}" type="pres">
      <dgm:prSet presAssocID="{F19BEE0C-7B58-4FC1-8332-C6D01507F0DB}" presName="pictRect" presStyleLbl="node1" presStyleIdx="3" presStyleCnt="4"/>
      <dgm:spPr>
        <a:solidFill>
          <a:srgbClr val="0C7277"/>
        </a:solidFill>
        <a:ln>
          <a:noFill/>
        </a:ln>
      </dgm:spPr>
    </dgm:pt>
    <dgm:pt modelId="{846A24B0-B35A-4D88-A092-A0498E0D87E2}" type="pres">
      <dgm:prSet presAssocID="{F19BEE0C-7B58-4FC1-8332-C6D01507F0DB}" presName="textRect" presStyleLbl="revTx" presStyleIdx="3" presStyleCnt="4">
        <dgm:presLayoutVars>
          <dgm:bulletEnabled val="1"/>
        </dgm:presLayoutVars>
      </dgm:prSet>
      <dgm:spPr/>
    </dgm:pt>
  </dgm:ptLst>
  <dgm:cxnLst>
    <dgm:cxn modelId="{91204107-067E-44B5-8A6F-890215A64F7F}" type="presOf" srcId="{7355896E-16D9-463D-83E9-A5A80F48C971}" destId="{A2681C27-50C0-463F-AD96-7E524E67FCAC}" srcOrd="0" destOrd="0" presId="urn:microsoft.com/office/officeart/2005/8/layout/pList1"/>
    <dgm:cxn modelId="{7C66C516-4862-4C19-95FD-3CA4C40A274E}" type="presOf" srcId="{9432FED6-0B3E-4606-AC8B-9C650528FFFD}" destId="{9BDF39AB-5E82-485D-84F4-8F96B6DC3905}" srcOrd="0" destOrd="0" presId="urn:microsoft.com/office/officeart/2005/8/layout/pList1"/>
    <dgm:cxn modelId="{C4060E23-82BC-4090-AF67-FA7D4485EA96}" srcId="{CBCC504F-0FAB-487F-876D-E929F8569590}" destId="{183C7A0A-7C3C-469C-8810-BF673F6E224F}" srcOrd="0" destOrd="0" parTransId="{936F94E6-CA9C-4E52-AEC5-FC0B37AA7AE6}" sibTransId="{9432FED6-0B3E-4606-AC8B-9C650528FFFD}"/>
    <dgm:cxn modelId="{5F149826-82A7-4F8F-B11B-2F1433570DBD}" type="presOf" srcId="{CBCC504F-0FAB-487F-876D-E929F8569590}" destId="{7089B7ED-2B80-4602-980C-9A04975C0B54}" srcOrd="0" destOrd="0" presId="urn:microsoft.com/office/officeart/2005/8/layout/pList1"/>
    <dgm:cxn modelId="{CC44DF27-B03A-4E63-AB84-27E188D1852B}" type="presOf" srcId="{BEE527C8-7704-4F64-B706-8CD7948A85B0}" destId="{594F429F-5CF3-4E7F-B753-3B1705109836}" srcOrd="0" destOrd="0" presId="urn:microsoft.com/office/officeart/2005/8/layout/pList1"/>
    <dgm:cxn modelId="{FEC1B744-C873-4889-8A1E-2E7B87220D6D}" srcId="{CBCC504F-0FAB-487F-876D-E929F8569590}" destId="{F19BEE0C-7B58-4FC1-8332-C6D01507F0DB}" srcOrd="3" destOrd="0" parTransId="{11019DF5-E933-4511-BAAF-BCE69ADFA98C}" sibTransId="{2B298C7A-8524-49FC-B807-AB295D041182}"/>
    <dgm:cxn modelId="{52C64354-D1C2-4877-8861-16671E0838DC}" type="presOf" srcId="{F19BEE0C-7B58-4FC1-8332-C6D01507F0DB}" destId="{846A24B0-B35A-4D88-A092-A0498E0D87E2}" srcOrd="0" destOrd="0" presId="urn:microsoft.com/office/officeart/2005/8/layout/pList1"/>
    <dgm:cxn modelId="{35C62989-37F2-406A-9BFE-E376CCF9F12F}" type="presOf" srcId="{183C7A0A-7C3C-469C-8810-BF673F6E224F}" destId="{439BCF20-9ED7-4E81-AEDE-0355250E3FBB}" srcOrd="0" destOrd="0" presId="urn:microsoft.com/office/officeart/2005/8/layout/pList1"/>
    <dgm:cxn modelId="{96CA08A9-FD70-495F-884C-6AFACD87DA75}" type="presOf" srcId="{0FE1AB3D-BBEF-4CC9-B418-8224C42A9561}" destId="{14544AF3-6464-4840-B9E8-AF76F136BE37}" srcOrd="0" destOrd="0" presId="urn:microsoft.com/office/officeart/2005/8/layout/pList1"/>
    <dgm:cxn modelId="{378B81E0-7344-4CED-A359-9B274FDF2679}" srcId="{CBCC504F-0FAB-487F-876D-E929F8569590}" destId="{7355896E-16D9-463D-83E9-A5A80F48C971}" srcOrd="2" destOrd="0" parTransId="{D1AC117A-61E3-4DFD-94FA-DD050B005FE2}" sibTransId="{62F9C50C-F8B4-4431-93F3-E5C82B3AA80C}"/>
    <dgm:cxn modelId="{14FBC1E0-FD85-4D88-965C-14220DC5C4DA}" type="presOf" srcId="{62F9C50C-F8B4-4431-93F3-E5C82B3AA80C}" destId="{C5674E8B-D285-4F0C-9279-8CCE5EB9C9C9}" srcOrd="0" destOrd="0" presId="urn:microsoft.com/office/officeart/2005/8/layout/pList1"/>
    <dgm:cxn modelId="{8EE5B0F3-9D70-4C13-BE7D-9D683E961BC8}" srcId="{CBCC504F-0FAB-487F-876D-E929F8569590}" destId="{0FE1AB3D-BBEF-4CC9-B418-8224C42A9561}" srcOrd="1" destOrd="0" parTransId="{9E01C0DF-479C-45DE-A150-F6C386EC6A79}" sibTransId="{BEE527C8-7704-4F64-B706-8CD7948A85B0}"/>
    <dgm:cxn modelId="{F621460E-9962-4347-B174-BF2F81841CC0}" type="presParOf" srcId="{7089B7ED-2B80-4602-980C-9A04975C0B54}" destId="{798B522C-85F0-467B-A53C-453CC70CA2CF}" srcOrd="0" destOrd="0" presId="urn:microsoft.com/office/officeart/2005/8/layout/pList1"/>
    <dgm:cxn modelId="{5EA8146F-5DB7-4CA5-971D-15F787253C7C}" type="presParOf" srcId="{798B522C-85F0-467B-A53C-453CC70CA2CF}" destId="{E6C58D02-2877-419F-B58A-E49571EF410C}" srcOrd="0" destOrd="0" presId="urn:microsoft.com/office/officeart/2005/8/layout/pList1"/>
    <dgm:cxn modelId="{9BD398FB-8527-4F5D-9A7E-1B8C9E1A9238}" type="presParOf" srcId="{798B522C-85F0-467B-A53C-453CC70CA2CF}" destId="{439BCF20-9ED7-4E81-AEDE-0355250E3FBB}" srcOrd="1" destOrd="0" presId="urn:microsoft.com/office/officeart/2005/8/layout/pList1"/>
    <dgm:cxn modelId="{A7C0E3FE-F239-4173-B713-2B0F570376CD}" type="presParOf" srcId="{7089B7ED-2B80-4602-980C-9A04975C0B54}" destId="{9BDF39AB-5E82-485D-84F4-8F96B6DC3905}" srcOrd="1" destOrd="0" presId="urn:microsoft.com/office/officeart/2005/8/layout/pList1"/>
    <dgm:cxn modelId="{8E674AE6-D64E-45B0-B457-136BD813F14C}" type="presParOf" srcId="{7089B7ED-2B80-4602-980C-9A04975C0B54}" destId="{CA991117-C7DD-41B4-A2BF-9DF5B1F4B79B}" srcOrd="2" destOrd="0" presId="urn:microsoft.com/office/officeart/2005/8/layout/pList1"/>
    <dgm:cxn modelId="{2984B2FB-9FCB-4DF7-A7F0-FFA00E07D3B3}" type="presParOf" srcId="{CA991117-C7DD-41B4-A2BF-9DF5B1F4B79B}" destId="{71BFD3DE-8ED3-4DA5-807C-70D21163B563}" srcOrd="0" destOrd="0" presId="urn:microsoft.com/office/officeart/2005/8/layout/pList1"/>
    <dgm:cxn modelId="{4A46C9A2-1358-4308-BE81-D8EAD549EAAD}" type="presParOf" srcId="{CA991117-C7DD-41B4-A2BF-9DF5B1F4B79B}" destId="{14544AF3-6464-4840-B9E8-AF76F136BE37}" srcOrd="1" destOrd="0" presId="urn:microsoft.com/office/officeart/2005/8/layout/pList1"/>
    <dgm:cxn modelId="{CAC85F73-B6F4-435F-9F0B-F7E5A58DB66F}" type="presParOf" srcId="{7089B7ED-2B80-4602-980C-9A04975C0B54}" destId="{594F429F-5CF3-4E7F-B753-3B1705109836}" srcOrd="3" destOrd="0" presId="urn:microsoft.com/office/officeart/2005/8/layout/pList1"/>
    <dgm:cxn modelId="{BD63BC84-666E-4CE3-9C55-5CFA5CB3F1F8}" type="presParOf" srcId="{7089B7ED-2B80-4602-980C-9A04975C0B54}" destId="{3C6CA7E2-0E99-4971-B56B-A99DDB70E214}" srcOrd="4" destOrd="0" presId="urn:microsoft.com/office/officeart/2005/8/layout/pList1"/>
    <dgm:cxn modelId="{35861EBF-F26F-498B-B2A5-DFD9EE9714EF}" type="presParOf" srcId="{3C6CA7E2-0E99-4971-B56B-A99DDB70E214}" destId="{387D96AD-1321-4178-A5EF-A3023DBFA890}" srcOrd="0" destOrd="0" presId="urn:microsoft.com/office/officeart/2005/8/layout/pList1"/>
    <dgm:cxn modelId="{DA0F4F6F-FFD8-49CF-82BB-EA4CD5957960}" type="presParOf" srcId="{3C6CA7E2-0E99-4971-B56B-A99DDB70E214}" destId="{A2681C27-50C0-463F-AD96-7E524E67FCAC}" srcOrd="1" destOrd="0" presId="urn:microsoft.com/office/officeart/2005/8/layout/pList1"/>
    <dgm:cxn modelId="{ED7BE083-33AA-4026-B0F2-A34EFE53C15B}" type="presParOf" srcId="{7089B7ED-2B80-4602-980C-9A04975C0B54}" destId="{C5674E8B-D285-4F0C-9279-8CCE5EB9C9C9}" srcOrd="5" destOrd="0" presId="urn:microsoft.com/office/officeart/2005/8/layout/pList1"/>
    <dgm:cxn modelId="{82182342-5A46-4604-AD8F-A31E0FC8A10D}" type="presParOf" srcId="{7089B7ED-2B80-4602-980C-9A04975C0B54}" destId="{438E29E7-6B8D-49FC-A548-8ABC0537FC85}" srcOrd="6" destOrd="0" presId="urn:microsoft.com/office/officeart/2005/8/layout/pList1"/>
    <dgm:cxn modelId="{7C255457-01D7-4627-9833-9D734BC18A03}" type="presParOf" srcId="{438E29E7-6B8D-49FC-A548-8ABC0537FC85}" destId="{14297EB4-7653-4B20-AF2D-CEEA1D94B23F}" srcOrd="0" destOrd="0" presId="urn:microsoft.com/office/officeart/2005/8/layout/pList1"/>
    <dgm:cxn modelId="{9D7CC428-1D3E-4337-8AF8-2EBE6279710B}" type="presParOf" srcId="{438E29E7-6B8D-49FC-A548-8ABC0537FC85}" destId="{846A24B0-B35A-4D88-A092-A0498E0D87E2}" srcOrd="1" destOrd="0" presId="urn:microsoft.com/office/officeart/2005/8/layout/p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pList1" loCatId="list" qsTypeId="urn:microsoft.com/office/officeart/2005/8/quickstyle/simple1" qsCatId="simple" csTypeId="urn:microsoft.com/office/officeart/2005/8/colors/accent1_3" csCatId="accent1" phldr="0"/>
      <dgm:spPr/>
      <dgm:t>
        <a:bodyPr/>
        <a:lstStyle/>
        <a:p>
          <a:endParaRPr lang="en-US"/>
        </a:p>
      </dgm:t>
    </dgm:pt>
    <dgm:pt modelId="{183C7A0A-7C3C-469C-8810-BF673F6E224F}">
      <dgm:prSet phldrT="[Text]" phldr="1"/>
      <dgm:spPr/>
      <dgm:t>
        <a:bodyPr/>
        <a:lstStyle/>
        <a:p>
          <a:endParaRPr lang="en-US"/>
        </a:p>
      </dgm:t>
    </dgm:pt>
    <dgm:pt modelId="{936F94E6-CA9C-4E52-AEC5-FC0B37AA7AE6}" type="parTrans" cxnId="{C4060E23-82BC-4090-AF67-FA7D4485EA96}">
      <dgm:prSet/>
      <dgm:spPr/>
      <dgm:t>
        <a:bodyPr/>
        <a:lstStyle/>
        <a:p>
          <a:endParaRPr lang="en-US"/>
        </a:p>
      </dgm:t>
    </dgm:pt>
    <dgm:pt modelId="{9432FED6-0B3E-4606-AC8B-9C650528FFFD}" type="sibTrans" cxnId="{C4060E23-82BC-4090-AF67-FA7D4485EA96}">
      <dgm:prSet/>
      <dgm:spPr/>
      <dgm:t>
        <a:bodyPr/>
        <a:lstStyle/>
        <a:p>
          <a:endParaRPr lang="en-US"/>
        </a:p>
      </dgm:t>
    </dgm:pt>
    <dgm:pt modelId="{0FE1AB3D-BBEF-4CC9-B418-8224C42A9561}">
      <dgm:prSet phldrT="[Text]" phldr="1"/>
      <dgm:spPr/>
      <dgm:t>
        <a:bodyPr/>
        <a:lstStyle/>
        <a:p>
          <a:endParaRPr lang="en-US"/>
        </a:p>
      </dgm:t>
    </dgm:pt>
    <dgm:pt modelId="{9E01C0DF-479C-45DE-A150-F6C386EC6A79}" type="parTrans" cxnId="{8EE5B0F3-9D70-4C13-BE7D-9D683E961BC8}">
      <dgm:prSet/>
      <dgm:spPr/>
      <dgm:t>
        <a:bodyPr/>
        <a:lstStyle/>
        <a:p>
          <a:endParaRPr lang="en-US"/>
        </a:p>
      </dgm:t>
    </dgm:pt>
    <dgm:pt modelId="{BEE527C8-7704-4F64-B706-8CD7948A85B0}" type="sibTrans" cxnId="{8EE5B0F3-9D70-4C13-BE7D-9D683E961BC8}">
      <dgm:prSet/>
      <dgm:spPr/>
      <dgm:t>
        <a:bodyPr/>
        <a:lstStyle/>
        <a:p>
          <a:endParaRPr lang="en-US"/>
        </a:p>
      </dgm:t>
    </dgm:pt>
    <dgm:pt modelId="{7355896E-16D9-463D-83E9-A5A80F48C971}">
      <dgm:prSet phldrT="[Text]" phldr="1"/>
      <dgm:spPr/>
      <dgm:t>
        <a:bodyPr/>
        <a:lstStyle/>
        <a:p>
          <a:endParaRPr lang="en-US"/>
        </a:p>
      </dgm:t>
    </dgm:pt>
    <dgm:pt modelId="{D1AC117A-61E3-4DFD-94FA-DD050B005FE2}" type="parTrans" cxnId="{378B81E0-7344-4CED-A359-9B274FDF2679}">
      <dgm:prSet/>
      <dgm:spPr/>
      <dgm:t>
        <a:bodyPr/>
        <a:lstStyle/>
        <a:p>
          <a:endParaRPr lang="en-US"/>
        </a:p>
      </dgm:t>
    </dgm:pt>
    <dgm:pt modelId="{62F9C50C-F8B4-4431-93F3-E5C82B3AA80C}" type="sibTrans" cxnId="{378B81E0-7344-4CED-A359-9B274FDF2679}">
      <dgm:prSet/>
      <dgm:spPr/>
      <dgm:t>
        <a:bodyPr/>
        <a:lstStyle/>
        <a:p>
          <a:endParaRPr lang="en-US"/>
        </a:p>
      </dgm:t>
    </dgm:pt>
    <dgm:pt modelId="{F19BEE0C-7B58-4FC1-8332-C6D01507F0DB}">
      <dgm:prSet phldrT="[Text]" phldr="1"/>
      <dgm:spPr/>
      <dgm:t>
        <a:bodyPr/>
        <a:lstStyle/>
        <a:p>
          <a:endParaRPr lang="en-US"/>
        </a:p>
      </dgm:t>
    </dgm:pt>
    <dgm:pt modelId="{11019DF5-E933-4511-BAAF-BCE69ADFA98C}" type="parTrans" cxnId="{FEC1B744-C873-4889-8A1E-2E7B87220D6D}">
      <dgm:prSet/>
      <dgm:spPr/>
      <dgm:t>
        <a:bodyPr/>
        <a:lstStyle/>
        <a:p>
          <a:endParaRPr lang="en-US"/>
        </a:p>
      </dgm:t>
    </dgm:pt>
    <dgm:pt modelId="{2B298C7A-8524-49FC-B807-AB295D041182}" type="sibTrans" cxnId="{FEC1B744-C873-4889-8A1E-2E7B87220D6D}">
      <dgm:prSet/>
      <dgm:spPr/>
      <dgm:t>
        <a:bodyPr/>
        <a:lstStyle/>
        <a:p>
          <a:endParaRPr lang="en-US"/>
        </a:p>
      </dgm:t>
    </dgm:pt>
    <dgm:pt modelId="{7089B7ED-2B80-4602-980C-9A04975C0B54}" type="pres">
      <dgm:prSet presAssocID="{CBCC504F-0FAB-487F-876D-E929F8569590}" presName="Name0" presStyleCnt="0">
        <dgm:presLayoutVars>
          <dgm:dir/>
          <dgm:resizeHandles val="exact"/>
        </dgm:presLayoutVars>
      </dgm:prSet>
      <dgm:spPr/>
    </dgm:pt>
    <dgm:pt modelId="{798B522C-85F0-467B-A53C-453CC70CA2CF}" type="pres">
      <dgm:prSet presAssocID="{183C7A0A-7C3C-469C-8810-BF673F6E224F}" presName="compNode" presStyleCnt="0"/>
      <dgm:spPr/>
    </dgm:pt>
    <dgm:pt modelId="{E6C58D02-2877-419F-B58A-E49571EF410C}" type="pres">
      <dgm:prSet presAssocID="{183C7A0A-7C3C-469C-8810-BF673F6E224F}" presName="pictRect" presStyleLbl="node1" presStyleIdx="0" presStyleCnt="4"/>
      <dgm:spPr>
        <a:solidFill>
          <a:srgbClr val="C29943"/>
        </a:solidFill>
        <a:ln>
          <a:noFill/>
        </a:ln>
      </dgm:spPr>
    </dgm:pt>
    <dgm:pt modelId="{439BCF20-9ED7-4E81-AEDE-0355250E3FBB}" type="pres">
      <dgm:prSet presAssocID="{183C7A0A-7C3C-469C-8810-BF673F6E224F}" presName="textRect" presStyleLbl="revTx" presStyleIdx="0" presStyleCnt="4">
        <dgm:presLayoutVars>
          <dgm:bulletEnabled val="1"/>
        </dgm:presLayoutVars>
      </dgm:prSet>
      <dgm:spPr/>
    </dgm:pt>
    <dgm:pt modelId="{9BDF39AB-5E82-485D-84F4-8F96B6DC3905}" type="pres">
      <dgm:prSet presAssocID="{9432FED6-0B3E-4606-AC8B-9C650528FFFD}" presName="sibTrans" presStyleLbl="sibTrans2D1" presStyleIdx="0" presStyleCnt="0"/>
      <dgm:spPr/>
    </dgm:pt>
    <dgm:pt modelId="{CA991117-C7DD-41B4-A2BF-9DF5B1F4B79B}" type="pres">
      <dgm:prSet presAssocID="{0FE1AB3D-BBEF-4CC9-B418-8224C42A9561}" presName="compNode" presStyleCnt="0"/>
      <dgm:spPr/>
    </dgm:pt>
    <dgm:pt modelId="{71BFD3DE-8ED3-4DA5-807C-70D21163B563}" type="pres">
      <dgm:prSet presAssocID="{0FE1AB3D-BBEF-4CC9-B418-8224C42A9561}" presName="pictRect" presStyleLbl="node1" presStyleIdx="1" presStyleCnt="4"/>
      <dgm:spPr>
        <a:solidFill>
          <a:srgbClr val="0C3555"/>
        </a:solidFill>
        <a:ln>
          <a:noFill/>
        </a:ln>
      </dgm:spPr>
    </dgm:pt>
    <dgm:pt modelId="{14544AF3-6464-4840-B9E8-AF76F136BE37}" type="pres">
      <dgm:prSet presAssocID="{0FE1AB3D-BBEF-4CC9-B418-8224C42A9561}" presName="textRect" presStyleLbl="revTx" presStyleIdx="1" presStyleCnt="4">
        <dgm:presLayoutVars>
          <dgm:bulletEnabled val="1"/>
        </dgm:presLayoutVars>
      </dgm:prSet>
      <dgm:spPr/>
    </dgm:pt>
    <dgm:pt modelId="{594F429F-5CF3-4E7F-B753-3B1705109836}" type="pres">
      <dgm:prSet presAssocID="{BEE527C8-7704-4F64-B706-8CD7948A85B0}" presName="sibTrans" presStyleLbl="sibTrans2D1" presStyleIdx="0" presStyleCnt="0"/>
      <dgm:spPr/>
    </dgm:pt>
    <dgm:pt modelId="{3C6CA7E2-0E99-4971-B56B-A99DDB70E214}" type="pres">
      <dgm:prSet presAssocID="{7355896E-16D9-463D-83E9-A5A80F48C971}" presName="compNode" presStyleCnt="0"/>
      <dgm:spPr/>
    </dgm:pt>
    <dgm:pt modelId="{387D96AD-1321-4178-A5EF-A3023DBFA890}" type="pres">
      <dgm:prSet presAssocID="{7355896E-16D9-463D-83E9-A5A80F48C971}" presName="pictRect" presStyleLbl="node1" presStyleIdx="2" presStyleCnt="4"/>
      <dgm:spPr>
        <a:ln>
          <a:noFill/>
        </a:ln>
      </dgm:spPr>
    </dgm:pt>
    <dgm:pt modelId="{A2681C27-50C0-463F-AD96-7E524E67FCAC}" type="pres">
      <dgm:prSet presAssocID="{7355896E-16D9-463D-83E9-A5A80F48C971}" presName="textRect" presStyleLbl="revTx" presStyleIdx="2" presStyleCnt="4">
        <dgm:presLayoutVars>
          <dgm:bulletEnabled val="1"/>
        </dgm:presLayoutVars>
      </dgm:prSet>
      <dgm:spPr/>
    </dgm:pt>
    <dgm:pt modelId="{C5674E8B-D285-4F0C-9279-8CCE5EB9C9C9}" type="pres">
      <dgm:prSet presAssocID="{62F9C50C-F8B4-4431-93F3-E5C82B3AA80C}" presName="sibTrans" presStyleLbl="sibTrans2D1" presStyleIdx="0" presStyleCnt="0"/>
      <dgm:spPr/>
    </dgm:pt>
    <dgm:pt modelId="{438E29E7-6B8D-49FC-A548-8ABC0537FC85}" type="pres">
      <dgm:prSet presAssocID="{F19BEE0C-7B58-4FC1-8332-C6D01507F0DB}" presName="compNode" presStyleCnt="0"/>
      <dgm:spPr/>
    </dgm:pt>
    <dgm:pt modelId="{14297EB4-7653-4B20-AF2D-CEEA1D94B23F}" type="pres">
      <dgm:prSet presAssocID="{F19BEE0C-7B58-4FC1-8332-C6D01507F0DB}" presName="pictRect" presStyleLbl="node1" presStyleIdx="3" presStyleCnt="4"/>
      <dgm:spPr>
        <a:solidFill>
          <a:srgbClr val="0C7277"/>
        </a:solidFill>
        <a:ln>
          <a:noFill/>
        </a:ln>
      </dgm:spPr>
    </dgm:pt>
    <dgm:pt modelId="{846A24B0-B35A-4D88-A092-A0498E0D87E2}" type="pres">
      <dgm:prSet presAssocID="{F19BEE0C-7B58-4FC1-8332-C6D01507F0DB}" presName="textRect" presStyleLbl="revTx" presStyleIdx="3" presStyleCnt="4">
        <dgm:presLayoutVars>
          <dgm:bulletEnabled val="1"/>
        </dgm:presLayoutVars>
      </dgm:prSet>
      <dgm:spPr/>
    </dgm:pt>
  </dgm:ptLst>
  <dgm:cxnLst>
    <dgm:cxn modelId="{91204107-067E-44B5-8A6F-890215A64F7F}" type="presOf" srcId="{7355896E-16D9-463D-83E9-A5A80F48C971}" destId="{A2681C27-50C0-463F-AD96-7E524E67FCAC}" srcOrd="0" destOrd="0" presId="urn:microsoft.com/office/officeart/2005/8/layout/pList1"/>
    <dgm:cxn modelId="{7C66C516-4862-4C19-95FD-3CA4C40A274E}" type="presOf" srcId="{9432FED6-0B3E-4606-AC8B-9C650528FFFD}" destId="{9BDF39AB-5E82-485D-84F4-8F96B6DC3905}" srcOrd="0" destOrd="0" presId="urn:microsoft.com/office/officeart/2005/8/layout/pList1"/>
    <dgm:cxn modelId="{C4060E23-82BC-4090-AF67-FA7D4485EA96}" srcId="{CBCC504F-0FAB-487F-876D-E929F8569590}" destId="{183C7A0A-7C3C-469C-8810-BF673F6E224F}" srcOrd="0" destOrd="0" parTransId="{936F94E6-CA9C-4E52-AEC5-FC0B37AA7AE6}" sibTransId="{9432FED6-0B3E-4606-AC8B-9C650528FFFD}"/>
    <dgm:cxn modelId="{5F149826-82A7-4F8F-B11B-2F1433570DBD}" type="presOf" srcId="{CBCC504F-0FAB-487F-876D-E929F8569590}" destId="{7089B7ED-2B80-4602-980C-9A04975C0B54}" srcOrd="0" destOrd="0" presId="urn:microsoft.com/office/officeart/2005/8/layout/pList1"/>
    <dgm:cxn modelId="{CC44DF27-B03A-4E63-AB84-27E188D1852B}" type="presOf" srcId="{BEE527C8-7704-4F64-B706-8CD7948A85B0}" destId="{594F429F-5CF3-4E7F-B753-3B1705109836}" srcOrd="0" destOrd="0" presId="urn:microsoft.com/office/officeart/2005/8/layout/pList1"/>
    <dgm:cxn modelId="{FEC1B744-C873-4889-8A1E-2E7B87220D6D}" srcId="{CBCC504F-0FAB-487F-876D-E929F8569590}" destId="{F19BEE0C-7B58-4FC1-8332-C6D01507F0DB}" srcOrd="3" destOrd="0" parTransId="{11019DF5-E933-4511-BAAF-BCE69ADFA98C}" sibTransId="{2B298C7A-8524-49FC-B807-AB295D041182}"/>
    <dgm:cxn modelId="{52C64354-D1C2-4877-8861-16671E0838DC}" type="presOf" srcId="{F19BEE0C-7B58-4FC1-8332-C6D01507F0DB}" destId="{846A24B0-B35A-4D88-A092-A0498E0D87E2}" srcOrd="0" destOrd="0" presId="urn:microsoft.com/office/officeart/2005/8/layout/pList1"/>
    <dgm:cxn modelId="{35C62989-37F2-406A-9BFE-E376CCF9F12F}" type="presOf" srcId="{183C7A0A-7C3C-469C-8810-BF673F6E224F}" destId="{439BCF20-9ED7-4E81-AEDE-0355250E3FBB}" srcOrd="0" destOrd="0" presId="urn:microsoft.com/office/officeart/2005/8/layout/pList1"/>
    <dgm:cxn modelId="{96CA08A9-FD70-495F-884C-6AFACD87DA75}" type="presOf" srcId="{0FE1AB3D-BBEF-4CC9-B418-8224C42A9561}" destId="{14544AF3-6464-4840-B9E8-AF76F136BE37}" srcOrd="0" destOrd="0" presId="urn:microsoft.com/office/officeart/2005/8/layout/pList1"/>
    <dgm:cxn modelId="{378B81E0-7344-4CED-A359-9B274FDF2679}" srcId="{CBCC504F-0FAB-487F-876D-E929F8569590}" destId="{7355896E-16D9-463D-83E9-A5A80F48C971}" srcOrd="2" destOrd="0" parTransId="{D1AC117A-61E3-4DFD-94FA-DD050B005FE2}" sibTransId="{62F9C50C-F8B4-4431-93F3-E5C82B3AA80C}"/>
    <dgm:cxn modelId="{14FBC1E0-FD85-4D88-965C-14220DC5C4DA}" type="presOf" srcId="{62F9C50C-F8B4-4431-93F3-E5C82B3AA80C}" destId="{C5674E8B-D285-4F0C-9279-8CCE5EB9C9C9}" srcOrd="0" destOrd="0" presId="urn:microsoft.com/office/officeart/2005/8/layout/pList1"/>
    <dgm:cxn modelId="{8EE5B0F3-9D70-4C13-BE7D-9D683E961BC8}" srcId="{CBCC504F-0FAB-487F-876D-E929F8569590}" destId="{0FE1AB3D-BBEF-4CC9-B418-8224C42A9561}" srcOrd="1" destOrd="0" parTransId="{9E01C0DF-479C-45DE-A150-F6C386EC6A79}" sibTransId="{BEE527C8-7704-4F64-B706-8CD7948A85B0}"/>
    <dgm:cxn modelId="{F621460E-9962-4347-B174-BF2F81841CC0}" type="presParOf" srcId="{7089B7ED-2B80-4602-980C-9A04975C0B54}" destId="{798B522C-85F0-467B-A53C-453CC70CA2CF}" srcOrd="0" destOrd="0" presId="urn:microsoft.com/office/officeart/2005/8/layout/pList1"/>
    <dgm:cxn modelId="{5EA8146F-5DB7-4CA5-971D-15F787253C7C}" type="presParOf" srcId="{798B522C-85F0-467B-A53C-453CC70CA2CF}" destId="{E6C58D02-2877-419F-B58A-E49571EF410C}" srcOrd="0" destOrd="0" presId="urn:microsoft.com/office/officeart/2005/8/layout/pList1"/>
    <dgm:cxn modelId="{9BD398FB-8527-4F5D-9A7E-1B8C9E1A9238}" type="presParOf" srcId="{798B522C-85F0-467B-A53C-453CC70CA2CF}" destId="{439BCF20-9ED7-4E81-AEDE-0355250E3FBB}" srcOrd="1" destOrd="0" presId="urn:microsoft.com/office/officeart/2005/8/layout/pList1"/>
    <dgm:cxn modelId="{A7C0E3FE-F239-4173-B713-2B0F570376CD}" type="presParOf" srcId="{7089B7ED-2B80-4602-980C-9A04975C0B54}" destId="{9BDF39AB-5E82-485D-84F4-8F96B6DC3905}" srcOrd="1" destOrd="0" presId="urn:microsoft.com/office/officeart/2005/8/layout/pList1"/>
    <dgm:cxn modelId="{8E674AE6-D64E-45B0-B457-136BD813F14C}" type="presParOf" srcId="{7089B7ED-2B80-4602-980C-9A04975C0B54}" destId="{CA991117-C7DD-41B4-A2BF-9DF5B1F4B79B}" srcOrd="2" destOrd="0" presId="urn:microsoft.com/office/officeart/2005/8/layout/pList1"/>
    <dgm:cxn modelId="{2984B2FB-9FCB-4DF7-A7F0-FFA00E07D3B3}" type="presParOf" srcId="{CA991117-C7DD-41B4-A2BF-9DF5B1F4B79B}" destId="{71BFD3DE-8ED3-4DA5-807C-70D21163B563}" srcOrd="0" destOrd="0" presId="urn:microsoft.com/office/officeart/2005/8/layout/pList1"/>
    <dgm:cxn modelId="{4A46C9A2-1358-4308-BE81-D8EAD549EAAD}" type="presParOf" srcId="{CA991117-C7DD-41B4-A2BF-9DF5B1F4B79B}" destId="{14544AF3-6464-4840-B9E8-AF76F136BE37}" srcOrd="1" destOrd="0" presId="urn:microsoft.com/office/officeart/2005/8/layout/pList1"/>
    <dgm:cxn modelId="{CAC85F73-B6F4-435F-9F0B-F7E5A58DB66F}" type="presParOf" srcId="{7089B7ED-2B80-4602-980C-9A04975C0B54}" destId="{594F429F-5CF3-4E7F-B753-3B1705109836}" srcOrd="3" destOrd="0" presId="urn:microsoft.com/office/officeart/2005/8/layout/pList1"/>
    <dgm:cxn modelId="{BD63BC84-666E-4CE3-9C55-5CFA5CB3F1F8}" type="presParOf" srcId="{7089B7ED-2B80-4602-980C-9A04975C0B54}" destId="{3C6CA7E2-0E99-4971-B56B-A99DDB70E214}" srcOrd="4" destOrd="0" presId="urn:microsoft.com/office/officeart/2005/8/layout/pList1"/>
    <dgm:cxn modelId="{35861EBF-F26F-498B-B2A5-DFD9EE9714EF}" type="presParOf" srcId="{3C6CA7E2-0E99-4971-B56B-A99DDB70E214}" destId="{387D96AD-1321-4178-A5EF-A3023DBFA890}" srcOrd="0" destOrd="0" presId="urn:microsoft.com/office/officeart/2005/8/layout/pList1"/>
    <dgm:cxn modelId="{DA0F4F6F-FFD8-49CF-82BB-EA4CD5957960}" type="presParOf" srcId="{3C6CA7E2-0E99-4971-B56B-A99DDB70E214}" destId="{A2681C27-50C0-463F-AD96-7E524E67FCAC}" srcOrd="1" destOrd="0" presId="urn:microsoft.com/office/officeart/2005/8/layout/pList1"/>
    <dgm:cxn modelId="{ED7BE083-33AA-4026-B0F2-A34EFE53C15B}" type="presParOf" srcId="{7089B7ED-2B80-4602-980C-9A04975C0B54}" destId="{C5674E8B-D285-4F0C-9279-8CCE5EB9C9C9}" srcOrd="5" destOrd="0" presId="urn:microsoft.com/office/officeart/2005/8/layout/pList1"/>
    <dgm:cxn modelId="{82182342-5A46-4604-AD8F-A31E0FC8A10D}" type="presParOf" srcId="{7089B7ED-2B80-4602-980C-9A04975C0B54}" destId="{438E29E7-6B8D-49FC-A548-8ABC0537FC85}" srcOrd="6" destOrd="0" presId="urn:microsoft.com/office/officeart/2005/8/layout/pList1"/>
    <dgm:cxn modelId="{7C255457-01D7-4627-9833-9D734BC18A03}" type="presParOf" srcId="{438E29E7-6B8D-49FC-A548-8ABC0537FC85}" destId="{14297EB4-7653-4B20-AF2D-CEEA1D94B23F}" srcOrd="0" destOrd="0" presId="urn:microsoft.com/office/officeart/2005/8/layout/pList1"/>
    <dgm:cxn modelId="{9D7CC428-1D3E-4337-8AF8-2EBE6279710B}" type="presParOf" srcId="{438E29E7-6B8D-49FC-A548-8ABC0537FC85}" destId="{846A24B0-B35A-4D88-A092-A0498E0D87E2}" srcOrd="1" destOrd="0" presId="urn:microsoft.com/office/officeart/2005/8/layout/p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pList1" loCatId="list" qsTypeId="urn:microsoft.com/office/officeart/2005/8/quickstyle/simple1" qsCatId="simple" csTypeId="urn:microsoft.com/office/officeart/2005/8/colors/accent1_3" csCatId="accent1" phldr="0"/>
      <dgm:spPr/>
      <dgm:t>
        <a:bodyPr/>
        <a:lstStyle/>
        <a:p>
          <a:endParaRPr lang="en-US"/>
        </a:p>
      </dgm:t>
    </dgm:pt>
    <dgm:pt modelId="{183C7A0A-7C3C-469C-8810-BF673F6E224F}">
      <dgm:prSet phldrT="[Text]" phldr="1"/>
      <dgm:spPr/>
      <dgm:t>
        <a:bodyPr/>
        <a:lstStyle/>
        <a:p>
          <a:endParaRPr lang="en-US"/>
        </a:p>
      </dgm:t>
    </dgm:pt>
    <dgm:pt modelId="{936F94E6-CA9C-4E52-AEC5-FC0B37AA7AE6}" type="parTrans" cxnId="{C4060E23-82BC-4090-AF67-FA7D4485EA96}">
      <dgm:prSet/>
      <dgm:spPr/>
      <dgm:t>
        <a:bodyPr/>
        <a:lstStyle/>
        <a:p>
          <a:endParaRPr lang="en-US"/>
        </a:p>
      </dgm:t>
    </dgm:pt>
    <dgm:pt modelId="{9432FED6-0B3E-4606-AC8B-9C650528FFFD}" type="sibTrans" cxnId="{C4060E23-82BC-4090-AF67-FA7D4485EA96}">
      <dgm:prSet/>
      <dgm:spPr/>
      <dgm:t>
        <a:bodyPr/>
        <a:lstStyle/>
        <a:p>
          <a:endParaRPr lang="en-US"/>
        </a:p>
      </dgm:t>
    </dgm:pt>
    <dgm:pt modelId="{0FE1AB3D-BBEF-4CC9-B418-8224C42A9561}">
      <dgm:prSet phldrT="[Text]" phldr="1"/>
      <dgm:spPr/>
      <dgm:t>
        <a:bodyPr/>
        <a:lstStyle/>
        <a:p>
          <a:endParaRPr lang="en-US"/>
        </a:p>
      </dgm:t>
    </dgm:pt>
    <dgm:pt modelId="{9E01C0DF-479C-45DE-A150-F6C386EC6A79}" type="parTrans" cxnId="{8EE5B0F3-9D70-4C13-BE7D-9D683E961BC8}">
      <dgm:prSet/>
      <dgm:spPr/>
      <dgm:t>
        <a:bodyPr/>
        <a:lstStyle/>
        <a:p>
          <a:endParaRPr lang="en-US"/>
        </a:p>
      </dgm:t>
    </dgm:pt>
    <dgm:pt modelId="{BEE527C8-7704-4F64-B706-8CD7948A85B0}" type="sibTrans" cxnId="{8EE5B0F3-9D70-4C13-BE7D-9D683E961BC8}">
      <dgm:prSet/>
      <dgm:spPr/>
      <dgm:t>
        <a:bodyPr/>
        <a:lstStyle/>
        <a:p>
          <a:endParaRPr lang="en-US"/>
        </a:p>
      </dgm:t>
    </dgm:pt>
    <dgm:pt modelId="{7355896E-16D9-463D-83E9-A5A80F48C971}">
      <dgm:prSet phldrT="[Text]" phldr="1"/>
      <dgm:spPr/>
      <dgm:t>
        <a:bodyPr/>
        <a:lstStyle/>
        <a:p>
          <a:endParaRPr lang="en-US"/>
        </a:p>
      </dgm:t>
    </dgm:pt>
    <dgm:pt modelId="{D1AC117A-61E3-4DFD-94FA-DD050B005FE2}" type="parTrans" cxnId="{378B81E0-7344-4CED-A359-9B274FDF2679}">
      <dgm:prSet/>
      <dgm:spPr/>
      <dgm:t>
        <a:bodyPr/>
        <a:lstStyle/>
        <a:p>
          <a:endParaRPr lang="en-US"/>
        </a:p>
      </dgm:t>
    </dgm:pt>
    <dgm:pt modelId="{62F9C50C-F8B4-4431-93F3-E5C82B3AA80C}" type="sibTrans" cxnId="{378B81E0-7344-4CED-A359-9B274FDF2679}">
      <dgm:prSet/>
      <dgm:spPr/>
      <dgm:t>
        <a:bodyPr/>
        <a:lstStyle/>
        <a:p>
          <a:endParaRPr lang="en-US"/>
        </a:p>
      </dgm:t>
    </dgm:pt>
    <dgm:pt modelId="{F19BEE0C-7B58-4FC1-8332-C6D01507F0DB}">
      <dgm:prSet phldrT="[Text]" phldr="1"/>
      <dgm:spPr/>
      <dgm:t>
        <a:bodyPr/>
        <a:lstStyle/>
        <a:p>
          <a:endParaRPr lang="en-US"/>
        </a:p>
      </dgm:t>
    </dgm:pt>
    <dgm:pt modelId="{11019DF5-E933-4511-BAAF-BCE69ADFA98C}" type="parTrans" cxnId="{FEC1B744-C873-4889-8A1E-2E7B87220D6D}">
      <dgm:prSet/>
      <dgm:spPr/>
      <dgm:t>
        <a:bodyPr/>
        <a:lstStyle/>
        <a:p>
          <a:endParaRPr lang="en-US"/>
        </a:p>
      </dgm:t>
    </dgm:pt>
    <dgm:pt modelId="{2B298C7A-8524-49FC-B807-AB295D041182}" type="sibTrans" cxnId="{FEC1B744-C873-4889-8A1E-2E7B87220D6D}">
      <dgm:prSet/>
      <dgm:spPr/>
      <dgm:t>
        <a:bodyPr/>
        <a:lstStyle/>
        <a:p>
          <a:endParaRPr lang="en-US"/>
        </a:p>
      </dgm:t>
    </dgm:pt>
    <dgm:pt modelId="{7089B7ED-2B80-4602-980C-9A04975C0B54}" type="pres">
      <dgm:prSet presAssocID="{CBCC504F-0FAB-487F-876D-E929F8569590}" presName="Name0" presStyleCnt="0">
        <dgm:presLayoutVars>
          <dgm:dir/>
          <dgm:resizeHandles val="exact"/>
        </dgm:presLayoutVars>
      </dgm:prSet>
      <dgm:spPr/>
    </dgm:pt>
    <dgm:pt modelId="{798B522C-85F0-467B-A53C-453CC70CA2CF}" type="pres">
      <dgm:prSet presAssocID="{183C7A0A-7C3C-469C-8810-BF673F6E224F}" presName="compNode" presStyleCnt="0"/>
      <dgm:spPr/>
    </dgm:pt>
    <dgm:pt modelId="{E6C58D02-2877-419F-B58A-E49571EF410C}" type="pres">
      <dgm:prSet presAssocID="{183C7A0A-7C3C-469C-8810-BF673F6E224F}" presName="pictRect" presStyleLbl="node1" presStyleIdx="0" presStyleCnt="4"/>
      <dgm:spPr>
        <a:solidFill>
          <a:srgbClr val="C29943"/>
        </a:solidFill>
        <a:ln>
          <a:noFill/>
        </a:ln>
      </dgm:spPr>
    </dgm:pt>
    <dgm:pt modelId="{439BCF20-9ED7-4E81-AEDE-0355250E3FBB}" type="pres">
      <dgm:prSet presAssocID="{183C7A0A-7C3C-469C-8810-BF673F6E224F}" presName="textRect" presStyleLbl="revTx" presStyleIdx="0" presStyleCnt="4">
        <dgm:presLayoutVars>
          <dgm:bulletEnabled val="1"/>
        </dgm:presLayoutVars>
      </dgm:prSet>
      <dgm:spPr/>
    </dgm:pt>
    <dgm:pt modelId="{9BDF39AB-5E82-485D-84F4-8F96B6DC3905}" type="pres">
      <dgm:prSet presAssocID="{9432FED6-0B3E-4606-AC8B-9C650528FFFD}" presName="sibTrans" presStyleLbl="sibTrans2D1" presStyleIdx="0" presStyleCnt="0"/>
      <dgm:spPr/>
    </dgm:pt>
    <dgm:pt modelId="{CA991117-C7DD-41B4-A2BF-9DF5B1F4B79B}" type="pres">
      <dgm:prSet presAssocID="{0FE1AB3D-BBEF-4CC9-B418-8224C42A9561}" presName="compNode" presStyleCnt="0"/>
      <dgm:spPr/>
    </dgm:pt>
    <dgm:pt modelId="{71BFD3DE-8ED3-4DA5-807C-70D21163B563}" type="pres">
      <dgm:prSet presAssocID="{0FE1AB3D-BBEF-4CC9-B418-8224C42A9561}" presName="pictRect" presStyleLbl="node1" presStyleIdx="1" presStyleCnt="4"/>
      <dgm:spPr>
        <a:solidFill>
          <a:srgbClr val="0C3555"/>
        </a:solidFill>
        <a:ln>
          <a:noFill/>
        </a:ln>
      </dgm:spPr>
    </dgm:pt>
    <dgm:pt modelId="{14544AF3-6464-4840-B9E8-AF76F136BE37}" type="pres">
      <dgm:prSet presAssocID="{0FE1AB3D-BBEF-4CC9-B418-8224C42A9561}" presName="textRect" presStyleLbl="revTx" presStyleIdx="1" presStyleCnt="4">
        <dgm:presLayoutVars>
          <dgm:bulletEnabled val="1"/>
        </dgm:presLayoutVars>
      </dgm:prSet>
      <dgm:spPr/>
    </dgm:pt>
    <dgm:pt modelId="{594F429F-5CF3-4E7F-B753-3B1705109836}" type="pres">
      <dgm:prSet presAssocID="{BEE527C8-7704-4F64-B706-8CD7948A85B0}" presName="sibTrans" presStyleLbl="sibTrans2D1" presStyleIdx="0" presStyleCnt="0"/>
      <dgm:spPr/>
    </dgm:pt>
    <dgm:pt modelId="{3C6CA7E2-0E99-4971-B56B-A99DDB70E214}" type="pres">
      <dgm:prSet presAssocID="{7355896E-16D9-463D-83E9-A5A80F48C971}" presName="compNode" presStyleCnt="0"/>
      <dgm:spPr/>
    </dgm:pt>
    <dgm:pt modelId="{387D96AD-1321-4178-A5EF-A3023DBFA890}" type="pres">
      <dgm:prSet presAssocID="{7355896E-16D9-463D-83E9-A5A80F48C971}" presName="pictRect" presStyleLbl="node1" presStyleIdx="2" presStyleCnt="4"/>
      <dgm:spPr>
        <a:ln>
          <a:noFill/>
        </a:ln>
      </dgm:spPr>
    </dgm:pt>
    <dgm:pt modelId="{A2681C27-50C0-463F-AD96-7E524E67FCAC}" type="pres">
      <dgm:prSet presAssocID="{7355896E-16D9-463D-83E9-A5A80F48C971}" presName="textRect" presStyleLbl="revTx" presStyleIdx="2" presStyleCnt="4">
        <dgm:presLayoutVars>
          <dgm:bulletEnabled val="1"/>
        </dgm:presLayoutVars>
      </dgm:prSet>
      <dgm:spPr/>
    </dgm:pt>
    <dgm:pt modelId="{C5674E8B-D285-4F0C-9279-8CCE5EB9C9C9}" type="pres">
      <dgm:prSet presAssocID="{62F9C50C-F8B4-4431-93F3-E5C82B3AA80C}" presName="sibTrans" presStyleLbl="sibTrans2D1" presStyleIdx="0" presStyleCnt="0"/>
      <dgm:spPr/>
    </dgm:pt>
    <dgm:pt modelId="{438E29E7-6B8D-49FC-A548-8ABC0537FC85}" type="pres">
      <dgm:prSet presAssocID="{F19BEE0C-7B58-4FC1-8332-C6D01507F0DB}" presName="compNode" presStyleCnt="0"/>
      <dgm:spPr/>
    </dgm:pt>
    <dgm:pt modelId="{14297EB4-7653-4B20-AF2D-CEEA1D94B23F}" type="pres">
      <dgm:prSet presAssocID="{F19BEE0C-7B58-4FC1-8332-C6D01507F0DB}" presName="pictRect" presStyleLbl="node1" presStyleIdx="3" presStyleCnt="4"/>
      <dgm:spPr>
        <a:solidFill>
          <a:srgbClr val="0C7277"/>
        </a:solidFill>
        <a:ln>
          <a:noFill/>
        </a:ln>
      </dgm:spPr>
    </dgm:pt>
    <dgm:pt modelId="{846A24B0-B35A-4D88-A092-A0498E0D87E2}" type="pres">
      <dgm:prSet presAssocID="{F19BEE0C-7B58-4FC1-8332-C6D01507F0DB}" presName="textRect" presStyleLbl="revTx" presStyleIdx="3" presStyleCnt="4">
        <dgm:presLayoutVars>
          <dgm:bulletEnabled val="1"/>
        </dgm:presLayoutVars>
      </dgm:prSet>
      <dgm:spPr/>
    </dgm:pt>
  </dgm:ptLst>
  <dgm:cxnLst>
    <dgm:cxn modelId="{91204107-067E-44B5-8A6F-890215A64F7F}" type="presOf" srcId="{7355896E-16D9-463D-83E9-A5A80F48C971}" destId="{A2681C27-50C0-463F-AD96-7E524E67FCAC}" srcOrd="0" destOrd="0" presId="urn:microsoft.com/office/officeart/2005/8/layout/pList1"/>
    <dgm:cxn modelId="{7C66C516-4862-4C19-95FD-3CA4C40A274E}" type="presOf" srcId="{9432FED6-0B3E-4606-AC8B-9C650528FFFD}" destId="{9BDF39AB-5E82-485D-84F4-8F96B6DC3905}" srcOrd="0" destOrd="0" presId="urn:microsoft.com/office/officeart/2005/8/layout/pList1"/>
    <dgm:cxn modelId="{C4060E23-82BC-4090-AF67-FA7D4485EA96}" srcId="{CBCC504F-0FAB-487F-876D-E929F8569590}" destId="{183C7A0A-7C3C-469C-8810-BF673F6E224F}" srcOrd="0" destOrd="0" parTransId="{936F94E6-CA9C-4E52-AEC5-FC0B37AA7AE6}" sibTransId="{9432FED6-0B3E-4606-AC8B-9C650528FFFD}"/>
    <dgm:cxn modelId="{5F149826-82A7-4F8F-B11B-2F1433570DBD}" type="presOf" srcId="{CBCC504F-0FAB-487F-876D-E929F8569590}" destId="{7089B7ED-2B80-4602-980C-9A04975C0B54}" srcOrd="0" destOrd="0" presId="urn:microsoft.com/office/officeart/2005/8/layout/pList1"/>
    <dgm:cxn modelId="{CC44DF27-B03A-4E63-AB84-27E188D1852B}" type="presOf" srcId="{BEE527C8-7704-4F64-B706-8CD7948A85B0}" destId="{594F429F-5CF3-4E7F-B753-3B1705109836}" srcOrd="0" destOrd="0" presId="urn:microsoft.com/office/officeart/2005/8/layout/pList1"/>
    <dgm:cxn modelId="{FEC1B744-C873-4889-8A1E-2E7B87220D6D}" srcId="{CBCC504F-0FAB-487F-876D-E929F8569590}" destId="{F19BEE0C-7B58-4FC1-8332-C6D01507F0DB}" srcOrd="3" destOrd="0" parTransId="{11019DF5-E933-4511-BAAF-BCE69ADFA98C}" sibTransId="{2B298C7A-8524-49FC-B807-AB295D041182}"/>
    <dgm:cxn modelId="{52C64354-D1C2-4877-8861-16671E0838DC}" type="presOf" srcId="{F19BEE0C-7B58-4FC1-8332-C6D01507F0DB}" destId="{846A24B0-B35A-4D88-A092-A0498E0D87E2}" srcOrd="0" destOrd="0" presId="urn:microsoft.com/office/officeart/2005/8/layout/pList1"/>
    <dgm:cxn modelId="{35C62989-37F2-406A-9BFE-E376CCF9F12F}" type="presOf" srcId="{183C7A0A-7C3C-469C-8810-BF673F6E224F}" destId="{439BCF20-9ED7-4E81-AEDE-0355250E3FBB}" srcOrd="0" destOrd="0" presId="urn:microsoft.com/office/officeart/2005/8/layout/pList1"/>
    <dgm:cxn modelId="{96CA08A9-FD70-495F-884C-6AFACD87DA75}" type="presOf" srcId="{0FE1AB3D-BBEF-4CC9-B418-8224C42A9561}" destId="{14544AF3-6464-4840-B9E8-AF76F136BE37}" srcOrd="0" destOrd="0" presId="urn:microsoft.com/office/officeart/2005/8/layout/pList1"/>
    <dgm:cxn modelId="{378B81E0-7344-4CED-A359-9B274FDF2679}" srcId="{CBCC504F-0FAB-487F-876D-E929F8569590}" destId="{7355896E-16D9-463D-83E9-A5A80F48C971}" srcOrd="2" destOrd="0" parTransId="{D1AC117A-61E3-4DFD-94FA-DD050B005FE2}" sibTransId="{62F9C50C-F8B4-4431-93F3-E5C82B3AA80C}"/>
    <dgm:cxn modelId="{14FBC1E0-FD85-4D88-965C-14220DC5C4DA}" type="presOf" srcId="{62F9C50C-F8B4-4431-93F3-E5C82B3AA80C}" destId="{C5674E8B-D285-4F0C-9279-8CCE5EB9C9C9}" srcOrd="0" destOrd="0" presId="urn:microsoft.com/office/officeart/2005/8/layout/pList1"/>
    <dgm:cxn modelId="{8EE5B0F3-9D70-4C13-BE7D-9D683E961BC8}" srcId="{CBCC504F-0FAB-487F-876D-E929F8569590}" destId="{0FE1AB3D-BBEF-4CC9-B418-8224C42A9561}" srcOrd="1" destOrd="0" parTransId="{9E01C0DF-479C-45DE-A150-F6C386EC6A79}" sibTransId="{BEE527C8-7704-4F64-B706-8CD7948A85B0}"/>
    <dgm:cxn modelId="{F621460E-9962-4347-B174-BF2F81841CC0}" type="presParOf" srcId="{7089B7ED-2B80-4602-980C-9A04975C0B54}" destId="{798B522C-85F0-467B-A53C-453CC70CA2CF}" srcOrd="0" destOrd="0" presId="urn:microsoft.com/office/officeart/2005/8/layout/pList1"/>
    <dgm:cxn modelId="{5EA8146F-5DB7-4CA5-971D-15F787253C7C}" type="presParOf" srcId="{798B522C-85F0-467B-A53C-453CC70CA2CF}" destId="{E6C58D02-2877-419F-B58A-E49571EF410C}" srcOrd="0" destOrd="0" presId="urn:microsoft.com/office/officeart/2005/8/layout/pList1"/>
    <dgm:cxn modelId="{9BD398FB-8527-4F5D-9A7E-1B8C9E1A9238}" type="presParOf" srcId="{798B522C-85F0-467B-A53C-453CC70CA2CF}" destId="{439BCF20-9ED7-4E81-AEDE-0355250E3FBB}" srcOrd="1" destOrd="0" presId="urn:microsoft.com/office/officeart/2005/8/layout/pList1"/>
    <dgm:cxn modelId="{A7C0E3FE-F239-4173-B713-2B0F570376CD}" type="presParOf" srcId="{7089B7ED-2B80-4602-980C-9A04975C0B54}" destId="{9BDF39AB-5E82-485D-84F4-8F96B6DC3905}" srcOrd="1" destOrd="0" presId="urn:microsoft.com/office/officeart/2005/8/layout/pList1"/>
    <dgm:cxn modelId="{8E674AE6-D64E-45B0-B457-136BD813F14C}" type="presParOf" srcId="{7089B7ED-2B80-4602-980C-9A04975C0B54}" destId="{CA991117-C7DD-41B4-A2BF-9DF5B1F4B79B}" srcOrd="2" destOrd="0" presId="urn:microsoft.com/office/officeart/2005/8/layout/pList1"/>
    <dgm:cxn modelId="{2984B2FB-9FCB-4DF7-A7F0-FFA00E07D3B3}" type="presParOf" srcId="{CA991117-C7DD-41B4-A2BF-9DF5B1F4B79B}" destId="{71BFD3DE-8ED3-4DA5-807C-70D21163B563}" srcOrd="0" destOrd="0" presId="urn:microsoft.com/office/officeart/2005/8/layout/pList1"/>
    <dgm:cxn modelId="{4A46C9A2-1358-4308-BE81-D8EAD549EAAD}" type="presParOf" srcId="{CA991117-C7DD-41B4-A2BF-9DF5B1F4B79B}" destId="{14544AF3-6464-4840-B9E8-AF76F136BE37}" srcOrd="1" destOrd="0" presId="urn:microsoft.com/office/officeart/2005/8/layout/pList1"/>
    <dgm:cxn modelId="{CAC85F73-B6F4-435F-9F0B-F7E5A58DB66F}" type="presParOf" srcId="{7089B7ED-2B80-4602-980C-9A04975C0B54}" destId="{594F429F-5CF3-4E7F-B753-3B1705109836}" srcOrd="3" destOrd="0" presId="urn:microsoft.com/office/officeart/2005/8/layout/pList1"/>
    <dgm:cxn modelId="{BD63BC84-666E-4CE3-9C55-5CFA5CB3F1F8}" type="presParOf" srcId="{7089B7ED-2B80-4602-980C-9A04975C0B54}" destId="{3C6CA7E2-0E99-4971-B56B-A99DDB70E214}" srcOrd="4" destOrd="0" presId="urn:microsoft.com/office/officeart/2005/8/layout/pList1"/>
    <dgm:cxn modelId="{35861EBF-F26F-498B-B2A5-DFD9EE9714EF}" type="presParOf" srcId="{3C6CA7E2-0E99-4971-B56B-A99DDB70E214}" destId="{387D96AD-1321-4178-A5EF-A3023DBFA890}" srcOrd="0" destOrd="0" presId="urn:microsoft.com/office/officeart/2005/8/layout/pList1"/>
    <dgm:cxn modelId="{DA0F4F6F-FFD8-49CF-82BB-EA4CD5957960}" type="presParOf" srcId="{3C6CA7E2-0E99-4971-B56B-A99DDB70E214}" destId="{A2681C27-50C0-463F-AD96-7E524E67FCAC}" srcOrd="1" destOrd="0" presId="urn:microsoft.com/office/officeart/2005/8/layout/pList1"/>
    <dgm:cxn modelId="{ED7BE083-33AA-4026-B0F2-A34EFE53C15B}" type="presParOf" srcId="{7089B7ED-2B80-4602-980C-9A04975C0B54}" destId="{C5674E8B-D285-4F0C-9279-8CCE5EB9C9C9}" srcOrd="5" destOrd="0" presId="urn:microsoft.com/office/officeart/2005/8/layout/pList1"/>
    <dgm:cxn modelId="{82182342-5A46-4604-AD8F-A31E0FC8A10D}" type="presParOf" srcId="{7089B7ED-2B80-4602-980C-9A04975C0B54}" destId="{438E29E7-6B8D-49FC-A548-8ABC0537FC85}" srcOrd="6" destOrd="0" presId="urn:microsoft.com/office/officeart/2005/8/layout/pList1"/>
    <dgm:cxn modelId="{7C255457-01D7-4627-9833-9D734BC18A03}" type="presParOf" srcId="{438E29E7-6B8D-49FC-A548-8ABC0537FC85}" destId="{14297EB4-7653-4B20-AF2D-CEEA1D94B23F}" srcOrd="0" destOrd="0" presId="urn:microsoft.com/office/officeart/2005/8/layout/pList1"/>
    <dgm:cxn modelId="{9D7CC428-1D3E-4337-8AF8-2EBE6279710B}" type="presParOf" srcId="{438E29E7-6B8D-49FC-A548-8ABC0537FC85}" destId="{846A24B0-B35A-4D88-A092-A0498E0D87E2}" srcOrd="1" destOrd="0" presId="urn:microsoft.com/office/officeart/2005/8/layout/p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bList2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9E2033D5-F635-4215-96FB-F145B6B9844E}">
      <dgm:prSet phldrT="[Text]" phldr="1"/>
      <dgm:spPr>
        <a:solidFill>
          <a:schemeClr val="accent2"/>
        </a:solidFill>
        <a:ln>
          <a:solidFill>
            <a:srgbClr val="C29943"/>
          </a:solidFill>
        </a:ln>
      </dgm:spPr>
      <dgm:t>
        <a:bodyPr/>
        <a:lstStyle/>
        <a:p>
          <a:endParaRPr lang="en-US"/>
        </a:p>
      </dgm:t>
    </dgm:pt>
    <dgm:pt modelId="{89ACCFF9-38F4-4B4A-BE09-9E4EFE75CE68}" type="parTrans" cxnId="{EB40E17C-F0B8-4C39-A271-0D8A41B36C0E}">
      <dgm:prSet/>
      <dgm:spPr/>
      <dgm:t>
        <a:bodyPr/>
        <a:lstStyle/>
        <a:p>
          <a:endParaRPr lang="en-US"/>
        </a:p>
      </dgm:t>
    </dgm:pt>
    <dgm:pt modelId="{7C014077-7B55-4E6F-84BC-C8E3732C7C22}" type="sibTrans" cxnId="{EB40E17C-F0B8-4C39-A271-0D8A41B36C0E}">
      <dgm:prSet/>
      <dgm:spPr/>
      <dgm:t>
        <a:bodyPr/>
        <a:lstStyle/>
        <a:p>
          <a:endParaRPr lang="en-US"/>
        </a:p>
      </dgm:t>
    </dgm:pt>
    <dgm:pt modelId="{0FF9BCA3-165C-4BC0-80E5-4B5EF89BFB7D}">
      <dgm:prSet phldrT="[Text]" phldr="1"/>
      <dgm:spPr>
        <a:ln>
          <a:solidFill>
            <a:srgbClr val="C29943"/>
          </a:solidFill>
        </a:ln>
      </dgm:spPr>
      <dgm:t>
        <a:bodyPr/>
        <a:lstStyle/>
        <a:p>
          <a:endParaRPr lang="en-US"/>
        </a:p>
      </dgm:t>
    </dgm:pt>
    <dgm:pt modelId="{C502B687-2174-4461-ABC2-84B986766BED}" type="parTrans" cxnId="{AA42CE06-E5D2-46C2-A201-646F8DF9533D}">
      <dgm:prSet/>
      <dgm:spPr/>
      <dgm:t>
        <a:bodyPr/>
        <a:lstStyle/>
        <a:p>
          <a:endParaRPr lang="en-US"/>
        </a:p>
      </dgm:t>
    </dgm:pt>
    <dgm:pt modelId="{F657C0B0-E9F0-4118-A18B-C4A4E578DF98}" type="sibTrans" cxnId="{AA42CE06-E5D2-46C2-A201-646F8DF9533D}">
      <dgm:prSet/>
      <dgm:spPr/>
      <dgm:t>
        <a:bodyPr/>
        <a:lstStyle/>
        <a:p>
          <a:endParaRPr lang="en-US"/>
        </a:p>
      </dgm:t>
    </dgm:pt>
    <dgm:pt modelId="{41DF8973-FB93-47C3-85F5-C019172A92BD}">
      <dgm:prSet phldrT="[Text]" phldr="1"/>
      <dgm:spPr>
        <a:solidFill>
          <a:schemeClr val="bg2"/>
        </a:solidFill>
        <a:ln>
          <a:solidFill>
            <a:schemeClr val="bg2"/>
          </a:solidFill>
        </a:ln>
      </dgm:spPr>
      <dgm:t>
        <a:bodyPr/>
        <a:lstStyle/>
        <a:p>
          <a:endParaRPr lang="en-US" dirty="0"/>
        </a:p>
      </dgm:t>
    </dgm:pt>
    <dgm:pt modelId="{13360191-42C9-481B-B781-AA39990417AC}" type="parTrans" cxnId="{17805DC0-87A6-422C-8A5D-D96BA31E2466}">
      <dgm:prSet/>
      <dgm:spPr/>
      <dgm:t>
        <a:bodyPr/>
        <a:lstStyle/>
        <a:p>
          <a:endParaRPr lang="en-US"/>
        </a:p>
      </dgm:t>
    </dgm:pt>
    <dgm:pt modelId="{3D2B7D01-A080-4F3E-A510-B96A9A8E3E61}" type="sibTrans" cxnId="{17805DC0-87A6-422C-8A5D-D96BA31E2466}">
      <dgm:prSet/>
      <dgm:spPr/>
      <dgm:t>
        <a:bodyPr/>
        <a:lstStyle/>
        <a:p>
          <a:endParaRPr lang="en-US"/>
        </a:p>
      </dgm:t>
    </dgm:pt>
    <dgm:pt modelId="{8AE744FF-4AC5-40AE-A5A3-850A9F900079}">
      <dgm:prSet phldrT="[Text]" phldr="1"/>
      <dgm:spPr>
        <a:ln>
          <a:solidFill>
            <a:schemeClr val="bg2"/>
          </a:solidFill>
        </a:ln>
      </dgm:spPr>
      <dgm:t>
        <a:bodyPr/>
        <a:lstStyle/>
        <a:p>
          <a:endParaRPr lang="en-US" dirty="0"/>
        </a:p>
      </dgm:t>
    </dgm:pt>
    <dgm:pt modelId="{DD3568E7-D119-4359-B9C8-09FAA7EE1C9B}" type="parTrans" cxnId="{BC0E3063-B43F-4973-9C20-3934B48C8CC8}">
      <dgm:prSet/>
      <dgm:spPr/>
      <dgm:t>
        <a:bodyPr/>
        <a:lstStyle/>
        <a:p>
          <a:endParaRPr lang="en-US"/>
        </a:p>
      </dgm:t>
    </dgm:pt>
    <dgm:pt modelId="{6943A720-1CD2-48DF-994D-FCF6C0E69039}" type="sibTrans" cxnId="{BC0E3063-B43F-4973-9C20-3934B48C8CC8}">
      <dgm:prSet/>
      <dgm:spPr/>
      <dgm:t>
        <a:bodyPr/>
        <a:lstStyle/>
        <a:p>
          <a:endParaRPr lang="en-US"/>
        </a:p>
      </dgm:t>
    </dgm:pt>
    <dgm:pt modelId="{80BD24A8-825E-4DBE-A865-EB5F74F2383A}">
      <dgm:prSet phldrT="[Text]"/>
      <dgm:spPr>
        <a:ln>
          <a:solidFill>
            <a:srgbClr val="03B09C"/>
          </a:solidFill>
        </a:ln>
      </dgm:spPr>
      <dgm:t>
        <a:bodyPr/>
        <a:lstStyle/>
        <a:p>
          <a:endParaRPr lang="en-US" dirty="0"/>
        </a:p>
      </dgm:t>
    </dgm:pt>
    <dgm:pt modelId="{BBD42AD3-B22D-4DC8-8059-DE00493B8188}" type="parTrans" cxnId="{3AACD407-F338-4D87-8410-D5D61CC03D60}">
      <dgm:prSet/>
      <dgm:spPr/>
      <dgm:t>
        <a:bodyPr/>
        <a:lstStyle/>
        <a:p>
          <a:endParaRPr lang="en-US"/>
        </a:p>
      </dgm:t>
    </dgm:pt>
    <dgm:pt modelId="{F56F183F-E7FC-47E5-A355-EAEDC57D45CB}" type="sibTrans" cxnId="{3AACD407-F338-4D87-8410-D5D61CC03D60}">
      <dgm:prSet/>
      <dgm:spPr/>
      <dgm:t>
        <a:bodyPr/>
        <a:lstStyle/>
        <a:p>
          <a:endParaRPr lang="en-US"/>
        </a:p>
      </dgm:t>
    </dgm:pt>
    <dgm:pt modelId="{BBFAD4F7-7A42-458B-9CCE-AE2455D9FB57}">
      <dgm:prSet phldrT="[Text]"/>
      <dgm:spPr>
        <a:solidFill>
          <a:schemeClr val="accent1"/>
        </a:solidFill>
        <a:ln>
          <a:solidFill>
            <a:srgbClr val="0C7277"/>
          </a:solidFill>
        </a:ln>
      </dgm:spPr>
      <dgm:t>
        <a:bodyPr/>
        <a:lstStyle/>
        <a:p>
          <a:endParaRPr lang="en-US" dirty="0"/>
        </a:p>
      </dgm:t>
    </dgm:pt>
    <dgm:pt modelId="{3B0F0792-B36D-4E15-99CD-C83452BB41C3}" type="parTrans" cxnId="{BB8BFF46-8A67-4938-8DC5-0B6EC5C3D341}">
      <dgm:prSet/>
      <dgm:spPr/>
      <dgm:t>
        <a:bodyPr/>
        <a:lstStyle/>
        <a:p>
          <a:endParaRPr lang="en-US"/>
        </a:p>
      </dgm:t>
    </dgm:pt>
    <dgm:pt modelId="{1805E9EA-2536-4F7E-83BE-23F8493324CE}" type="sibTrans" cxnId="{BB8BFF46-8A67-4938-8DC5-0B6EC5C3D341}">
      <dgm:prSet/>
      <dgm:spPr/>
      <dgm:t>
        <a:bodyPr/>
        <a:lstStyle/>
        <a:p>
          <a:endParaRPr lang="en-US"/>
        </a:p>
      </dgm:t>
    </dgm:pt>
    <dgm:pt modelId="{7E080A7D-863D-4A7B-8131-1D11D254A7C3}">
      <dgm:prSet phldrT="[Text]"/>
      <dgm:spPr>
        <a:ln>
          <a:solidFill>
            <a:schemeClr val="accent1"/>
          </a:solidFill>
        </a:ln>
      </dgm:spPr>
      <dgm:t>
        <a:bodyPr/>
        <a:lstStyle/>
        <a:p>
          <a:endParaRPr lang="en-US" dirty="0"/>
        </a:p>
      </dgm:t>
    </dgm:pt>
    <dgm:pt modelId="{437472BB-FA4B-4F9F-9A2E-2218712CDCC1}" type="parTrans" cxnId="{1D72F1C5-3113-407D-96A2-3BEECAA239C8}">
      <dgm:prSet/>
      <dgm:spPr/>
      <dgm:t>
        <a:bodyPr/>
        <a:lstStyle/>
        <a:p>
          <a:endParaRPr lang="en-US"/>
        </a:p>
      </dgm:t>
    </dgm:pt>
    <dgm:pt modelId="{37FF4EDF-E762-4083-83DC-4975C181565C}" type="sibTrans" cxnId="{1D72F1C5-3113-407D-96A2-3BEECAA239C8}">
      <dgm:prSet/>
      <dgm:spPr/>
      <dgm:t>
        <a:bodyPr/>
        <a:lstStyle/>
        <a:p>
          <a:endParaRPr lang="en-US"/>
        </a:p>
      </dgm:t>
    </dgm:pt>
    <dgm:pt modelId="{F0F4CF51-EB10-430F-8682-FCDF0A7B4548}">
      <dgm:prSet phldrT="[Text]"/>
      <dgm:spPr>
        <a:solidFill>
          <a:srgbClr val="03B09C"/>
        </a:solidFill>
        <a:ln>
          <a:solidFill>
            <a:srgbClr val="03B09C"/>
          </a:solidFill>
        </a:ln>
      </dgm:spPr>
      <dgm:t>
        <a:bodyPr/>
        <a:lstStyle/>
        <a:p>
          <a:endParaRPr lang="en-US" dirty="0"/>
        </a:p>
      </dgm:t>
    </dgm:pt>
    <dgm:pt modelId="{8BFB1482-2250-4E86-9297-43274DA2C978}" type="parTrans" cxnId="{FEA880C3-3CED-4245-A9E5-72D78398D71E}">
      <dgm:prSet/>
      <dgm:spPr/>
      <dgm:t>
        <a:bodyPr/>
        <a:lstStyle/>
        <a:p>
          <a:endParaRPr lang="en-US"/>
        </a:p>
      </dgm:t>
    </dgm:pt>
    <dgm:pt modelId="{AFA69A39-E1C8-426E-839F-972C7AE16211}" type="sibTrans" cxnId="{FEA880C3-3CED-4245-A9E5-72D78398D71E}">
      <dgm:prSet/>
      <dgm:spPr/>
      <dgm:t>
        <a:bodyPr/>
        <a:lstStyle/>
        <a:p>
          <a:endParaRPr lang="en-US"/>
        </a:p>
      </dgm:t>
    </dgm:pt>
    <dgm:pt modelId="{46E5E31A-98F1-432F-8B71-4B364C4A3EDD}" type="pres">
      <dgm:prSet presAssocID="{CBCC504F-0FAB-487F-876D-E929F8569590}" presName="diagram" presStyleCnt="0">
        <dgm:presLayoutVars>
          <dgm:dir/>
          <dgm:animLvl val="lvl"/>
          <dgm:resizeHandles val="exact"/>
        </dgm:presLayoutVars>
      </dgm:prSet>
      <dgm:spPr/>
    </dgm:pt>
    <dgm:pt modelId="{1E8D315E-D6DC-4C36-880E-13750AA1CC5D}" type="pres">
      <dgm:prSet presAssocID="{9E2033D5-F635-4215-96FB-F145B6B9844E}" presName="compNode" presStyleCnt="0"/>
      <dgm:spPr/>
    </dgm:pt>
    <dgm:pt modelId="{8870D052-58C0-49EA-88DF-E0D141B0BB34}" type="pres">
      <dgm:prSet presAssocID="{9E2033D5-F635-4215-96FB-F145B6B9844E}" presName="childRect" presStyleLbl="bgAcc1" presStyleIdx="0" presStyleCnt="4">
        <dgm:presLayoutVars>
          <dgm:bulletEnabled val="1"/>
        </dgm:presLayoutVars>
      </dgm:prSet>
      <dgm:spPr/>
    </dgm:pt>
    <dgm:pt modelId="{C843A786-23EF-4F34-BE2A-D3DCA956E136}" type="pres">
      <dgm:prSet presAssocID="{9E2033D5-F635-4215-96FB-F145B6B9844E}" presName="parentText" presStyleLbl="node1" presStyleIdx="0" presStyleCnt="0">
        <dgm:presLayoutVars>
          <dgm:chMax val="0"/>
          <dgm:bulletEnabled val="1"/>
        </dgm:presLayoutVars>
      </dgm:prSet>
      <dgm:spPr/>
    </dgm:pt>
    <dgm:pt modelId="{12334DBF-5B11-4F00-8EF6-3B31AF17AC5E}" type="pres">
      <dgm:prSet presAssocID="{9E2033D5-F635-4215-96FB-F145B6B9844E}" presName="parentRect" presStyleLbl="alignNode1" presStyleIdx="0" presStyleCnt="4"/>
      <dgm:spPr/>
    </dgm:pt>
    <dgm:pt modelId="{7B532F04-9561-47D8-BCF9-FB5D926D8AF9}" type="pres">
      <dgm:prSet presAssocID="{9E2033D5-F635-4215-96FB-F145B6B9844E}" presName="adorn" presStyleLbl="fgAccFollowNode1" presStyleIdx="0" presStyleCnt="4"/>
      <dgm:spPr/>
    </dgm:pt>
    <dgm:pt modelId="{B683597D-0927-4665-9837-3F6356C18B42}" type="pres">
      <dgm:prSet presAssocID="{7C014077-7B55-4E6F-84BC-C8E3732C7C22}" presName="sibTrans" presStyleLbl="sibTrans2D1" presStyleIdx="0" presStyleCnt="0"/>
      <dgm:spPr/>
    </dgm:pt>
    <dgm:pt modelId="{52709FD2-408F-43A2-9F98-C19EDBA22477}" type="pres">
      <dgm:prSet presAssocID="{41DF8973-FB93-47C3-85F5-C019172A92BD}" presName="compNode" presStyleCnt="0"/>
      <dgm:spPr/>
    </dgm:pt>
    <dgm:pt modelId="{AE262A03-B1CF-4F25-88CF-749ACC899ACB}" type="pres">
      <dgm:prSet presAssocID="{41DF8973-FB93-47C3-85F5-C019172A92BD}" presName="childRect" presStyleLbl="bgAcc1" presStyleIdx="1" presStyleCnt="4">
        <dgm:presLayoutVars>
          <dgm:bulletEnabled val="1"/>
        </dgm:presLayoutVars>
      </dgm:prSet>
      <dgm:spPr/>
    </dgm:pt>
    <dgm:pt modelId="{AD3520C2-D852-476A-B72B-DF14A3CB72BE}" type="pres">
      <dgm:prSet presAssocID="{41DF8973-FB93-47C3-85F5-C019172A92BD}" presName="parentText" presStyleLbl="node1" presStyleIdx="0" presStyleCnt="0">
        <dgm:presLayoutVars>
          <dgm:chMax val="0"/>
          <dgm:bulletEnabled val="1"/>
        </dgm:presLayoutVars>
      </dgm:prSet>
      <dgm:spPr/>
    </dgm:pt>
    <dgm:pt modelId="{FEE1942B-2F1E-4848-A3C3-20201C8592B4}" type="pres">
      <dgm:prSet presAssocID="{41DF8973-FB93-47C3-85F5-C019172A92BD}" presName="parentRect" presStyleLbl="alignNode1" presStyleIdx="1" presStyleCnt="4"/>
      <dgm:spPr/>
    </dgm:pt>
    <dgm:pt modelId="{2A8B7289-4530-473E-9601-5E16EC766FB7}" type="pres">
      <dgm:prSet presAssocID="{41DF8973-FB93-47C3-85F5-C019172A92BD}" presName="adorn" presStyleLbl="fgAccFollowNode1" presStyleIdx="1" presStyleCnt="4"/>
      <dgm:spPr/>
    </dgm:pt>
    <dgm:pt modelId="{C878F74D-1942-4930-9FE1-0E26F53D3D47}" type="pres">
      <dgm:prSet presAssocID="{3D2B7D01-A080-4F3E-A510-B96A9A8E3E61}" presName="sibTrans" presStyleLbl="sibTrans2D1" presStyleIdx="0" presStyleCnt="0"/>
      <dgm:spPr/>
    </dgm:pt>
    <dgm:pt modelId="{EED01AFD-11B8-455E-8168-4772275DA415}" type="pres">
      <dgm:prSet presAssocID="{BBFAD4F7-7A42-458B-9CCE-AE2455D9FB57}" presName="compNode" presStyleCnt="0"/>
      <dgm:spPr/>
    </dgm:pt>
    <dgm:pt modelId="{F291119F-B4FD-4058-9702-E5AD24122365}" type="pres">
      <dgm:prSet presAssocID="{BBFAD4F7-7A42-458B-9CCE-AE2455D9FB57}" presName="childRect" presStyleLbl="bgAcc1" presStyleIdx="2" presStyleCnt="4">
        <dgm:presLayoutVars>
          <dgm:bulletEnabled val="1"/>
        </dgm:presLayoutVars>
      </dgm:prSet>
      <dgm:spPr/>
    </dgm:pt>
    <dgm:pt modelId="{4083AB45-47BE-496E-895C-B6A26F1456CB}" type="pres">
      <dgm:prSet presAssocID="{BBFAD4F7-7A42-458B-9CCE-AE2455D9FB57}" presName="parentText" presStyleLbl="node1" presStyleIdx="0" presStyleCnt="0">
        <dgm:presLayoutVars>
          <dgm:chMax val="0"/>
          <dgm:bulletEnabled val="1"/>
        </dgm:presLayoutVars>
      </dgm:prSet>
      <dgm:spPr/>
    </dgm:pt>
    <dgm:pt modelId="{1F5B1EBE-7012-4CC6-B843-C936B893C684}" type="pres">
      <dgm:prSet presAssocID="{BBFAD4F7-7A42-458B-9CCE-AE2455D9FB57}" presName="parentRect" presStyleLbl="alignNode1" presStyleIdx="2" presStyleCnt="4"/>
      <dgm:spPr/>
    </dgm:pt>
    <dgm:pt modelId="{3D4774D3-7EE4-42FF-82D5-541C8BB28C2D}" type="pres">
      <dgm:prSet presAssocID="{BBFAD4F7-7A42-458B-9CCE-AE2455D9FB57}" presName="adorn" presStyleLbl="fgAccFollowNode1" presStyleIdx="2" presStyleCnt="4"/>
      <dgm:spPr/>
    </dgm:pt>
    <dgm:pt modelId="{32C54C53-BAE5-428C-BF05-67CAA040AF83}" type="pres">
      <dgm:prSet presAssocID="{1805E9EA-2536-4F7E-83BE-23F8493324CE}" presName="sibTrans" presStyleLbl="sibTrans2D1" presStyleIdx="0" presStyleCnt="0"/>
      <dgm:spPr/>
    </dgm:pt>
    <dgm:pt modelId="{E63F4B4D-4CCE-45FC-AA48-90D76366E685}" type="pres">
      <dgm:prSet presAssocID="{F0F4CF51-EB10-430F-8682-FCDF0A7B4548}" presName="compNode" presStyleCnt="0"/>
      <dgm:spPr/>
    </dgm:pt>
    <dgm:pt modelId="{7E16BCD6-25A5-4E3A-AAA9-F461C10AD0EE}" type="pres">
      <dgm:prSet presAssocID="{F0F4CF51-EB10-430F-8682-FCDF0A7B4548}" presName="childRect" presStyleLbl="bgAcc1" presStyleIdx="3" presStyleCnt="4">
        <dgm:presLayoutVars>
          <dgm:bulletEnabled val="1"/>
        </dgm:presLayoutVars>
      </dgm:prSet>
      <dgm:spPr/>
    </dgm:pt>
    <dgm:pt modelId="{B3664BB3-6483-4396-947A-4F85C817A996}" type="pres">
      <dgm:prSet presAssocID="{F0F4CF51-EB10-430F-8682-FCDF0A7B4548}" presName="parentText" presStyleLbl="node1" presStyleIdx="0" presStyleCnt="0">
        <dgm:presLayoutVars>
          <dgm:chMax val="0"/>
          <dgm:bulletEnabled val="1"/>
        </dgm:presLayoutVars>
      </dgm:prSet>
      <dgm:spPr/>
    </dgm:pt>
    <dgm:pt modelId="{1DBA0CF8-ACE0-4098-9C2B-F19454972558}" type="pres">
      <dgm:prSet presAssocID="{F0F4CF51-EB10-430F-8682-FCDF0A7B4548}" presName="parentRect" presStyleLbl="alignNode1" presStyleIdx="3" presStyleCnt="4"/>
      <dgm:spPr/>
    </dgm:pt>
    <dgm:pt modelId="{A093B6B6-83BE-4113-BD95-7064D2946CAB}" type="pres">
      <dgm:prSet presAssocID="{F0F4CF51-EB10-430F-8682-FCDF0A7B4548}" presName="adorn" presStyleLbl="fgAccFollowNode1" presStyleIdx="3" presStyleCnt="4"/>
      <dgm:spPr/>
    </dgm:pt>
  </dgm:ptLst>
  <dgm:cxnLst>
    <dgm:cxn modelId="{AA42CE06-E5D2-46C2-A201-646F8DF9533D}" srcId="{9E2033D5-F635-4215-96FB-F145B6B9844E}" destId="{0FF9BCA3-165C-4BC0-80E5-4B5EF89BFB7D}" srcOrd="0" destOrd="0" parTransId="{C502B687-2174-4461-ABC2-84B986766BED}" sibTransId="{F657C0B0-E9F0-4118-A18B-C4A4E578DF98}"/>
    <dgm:cxn modelId="{3AACD407-F338-4D87-8410-D5D61CC03D60}" srcId="{F0F4CF51-EB10-430F-8682-FCDF0A7B4548}" destId="{80BD24A8-825E-4DBE-A865-EB5F74F2383A}" srcOrd="0" destOrd="0" parTransId="{BBD42AD3-B22D-4DC8-8059-DE00493B8188}" sibTransId="{F56F183F-E7FC-47E5-A355-EAEDC57D45CB}"/>
    <dgm:cxn modelId="{69309B28-03AC-45D0-B3C2-3D30A0A48499}" type="presOf" srcId="{9E2033D5-F635-4215-96FB-F145B6B9844E}" destId="{C843A786-23EF-4F34-BE2A-D3DCA956E136}" srcOrd="0" destOrd="0" presId="urn:microsoft.com/office/officeart/2005/8/layout/bList2"/>
    <dgm:cxn modelId="{158E5033-3455-4CFF-9FDF-B06EE8135506}" type="presOf" srcId="{0FF9BCA3-165C-4BC0-80E5-4B5EF89BFB7D}" destId="{8870D052-58C0-49EA-88DF-E0D141B0BB34}" srcOrd="0" destOrd="0" presId="urn:microsoft.com/office/officeart/2005/8/layout/bList2"/>
    <dgm:cxn modelId="{CDC78733-FBE2-41AC-88EF-8FB26C808958}" type="presOf" srcId="{41DF8973-FB93-47C3-85F5-C019172A92BD}" destId="{FEE1942B-2F1E-4848-A3C3-20201C8592B4}" srcOrd="1" destOrd="0" presId="urn:microsoft.com/office/officeart/2005/8/layout/bList2"/>
    <dgm:cxn modelId="{573F5139-EBE2-4A48-BD5D-B7F780C9F170}" type="presOf" srcId="{1805E9EA-2536-4F7E-83BE-23F8493324CE}" destId="{32C54C53-BAE5-428C-BF05-67CAA040AF83}" srcOrd="0" destOrd="0" presId="urn:microsoft.com/office/officeart/2005/8/layout/bList2"/>
    <dgm:cxn modelId="{F1DC1042-220C-4FB7-BD1C-4A6EA74DF871}" type="presOf" srcId="{BBFAD4F7-7A42-458B-9CCE-AE2455D9FB57}" destId="{1F5B1EBE-7012-4CC6-B843-C936B893C684}" srcOrd="1" destOrd="0" presId="urn:microsoft.com/office/officeart/2005/8/layout/bList2"/>
    <dgm:cxn modelId="{BC0E3063-B43F-4973-9C20-3934B48C8CC8}" srcId="{41DF8973-FB93-47C3-85F5-C019172A92BD}" destId="{8AE744FF-4AC5-40AE-A5A3-850A9F900079}" srcOrd="0" destOrd="0" parTransId="{DD3568E7-D119-4359-B9C8-09FAA7EE1C9B}" sibTransId="{6943A720-1CD2-48DF-994D-FCF6C0E69039}"/>
    <dgm:cxn modelId="{BB8BFF46-8A67-4938-8DC5-0B6EC5C3D341}" srcId="{CBCC504F-0FAB-487F-876D-E929F8569590}" destId="{BBFAD4F7-7A42-458B-9CCE-AE2455D9FB57}" srcOrd="2" destOrd="0" parTransId="{3B0F0792-B36D-4E15-99CD-C83452BB41C3}" sibTransId="{1805E9EA-2536-4F7E-83BE-23F8493324CE}"/>
    <dgm:cxn modelId="{3C17994E-760C-48A2-9AED-DFC9A9F03BE3}" type="presOf" srcId="{7E080A7D-863D-4A7B-8131-1D11D254A7C3}" destId="{F291119F-B4FD-4058-9702-E5AD24122365}" srcOrd="0" destOrd="0" presId="urn:microsoft.com/office/officeart/2005/8/layout/bList2"/>
    <dgm:cxn modelId="{1CA55E7B-6192-4C4F-A1B6-413541625917}" type="presOf" srcId="{80BD24A8-825E-4DBE-A865-EB5F74F2383A}" destId="{7E16BCD6-25A5-4E3A-AAA9-F461C10AD0EE}" srcOrd="0" destOrd="0" presId="urn:microsoft.com/office/officeart/2005/8/layout/bList2"/>
    <dgm:cxn modelId="{EB40E17C-F0B8-4C39-A271-0D8A41B36C0E}" srcId="{CBCC504F-0FAB-487F-876D-E929F8569590}" destId="{9E2033D5-F635-4215-96FB-F145B6B9844E}" srcOrd="0" destOrd="0" parTransId="{89ACCFF9-38F4-4B4A-BE09-9E4EFE75CE68}" sibTransId="{7C014077-7B55-4E6F-84BC-C8E3732C7C22}"/>
    <dgm:cxn modelId="{428EBAA7-0512-4E2A-BC22-2037137CF79F}" type="presOf" srcId="{8AE744FF-4AC5-40AE-A5A3-850A9F900079}" destId="{AE262A03-B1CF-4F25-88CF-749ACC899ACB}" srcOrd="0" destOrd="0" presId="urn:microsoft.com/office/officeart/2005/8/layout/bList2"/>
    <dgm:cxn modelId="{3D6AA5A9-D372-44A6-98E2-6601745EDBDA}" type="presOf" srcId="{CBCC504F-0FAB-487F-876D-E929F8569590}" destId="{46E5E31A-98F1-432F-8B71-4B364C4A3EDD}" srcOrd="0" destOrd="0" presId="urn:microsoft.com/office/officeart/2005/8/layout/bList2"/>
    <dgm:cxn modelId="{F35CFDAE-D2D8-402F-AFAE-1AA99C30DBEC}" type="presOf" srcId="{41DF8973-FB93-47C3-85F5-C019172A92BD}" destId="{AD3520C2-D852-476A-B72B-DF14A3CB72BE}" srcOrd="0" destOrd="0" presId="urn:microsoft.com/office/officeart/2005/8/layout/bList2"/>
    <dgm:cxn modelId="{17805DC0-87A6-422C-8A5D-D96BA31E2466}" srcId="{CBCC504F-0FAB-487F-876D-E929F8569590}" destId="{41DF8973-FB93-47C3-85F5-C019172A92BD}" srcOrd="1" destOrd="0" parTransId="{13360191-42C9-481B-B781-AA39990417AC}" sibTransId="{3D2B7D01-A080-4F3E-A510-B96A9A8E3E61}"/>
    <dgm:cxn modelId="{FEA880C3-3CED-4245-A9E5-72D78398D71E}" srcId="{CBCC504F-0FAB-487F-876D-E929F8569590}" destId="{F0F4CF51-EB10-430F-8682-FCDF0A7B4548}" srcOrd="3" destOrd="0" parTransId="{8BFB1482-2250-4E86-9297-43274DA2C978}" sibTransId="{AFA69A39-E1C8-426E-839F-972C7AE16211}"/>
    <dgm:cxn modelId="{1D72F1C5-3113-407D-96A2-3BEECAA239C8}" srcId="{BBFAD4F7-7A42-458B-9CCE-AE2455D9FB57}" destId="{7E080A7D-863D-4A7B-8131-1D11D254A7C3}" srcOrd="0" destOrd="0" parTransId="{437472BB-FA4B-4F9F-9A2E-2218712CDCC1}" sibTransId="{37FF4EDF-E762-4083-83DC-4975C181565C}"/>
    <dgm:cxn modelId="{B9A028C7-D23E-4E2B-8449-B745AD86E924}" type="presOf" srcId="{F0F4CF51-EB10-430F-8682-FCDF0A7B4548}" destId="{B3664BB3-6483-4396-947A-4F85C817A996}" srcOrd="0" destOrd="0" presId="urn:microsoft.com/office/officeart/2005/8/layout/bList2"/>
    <dgm:cxn modelId="{96F9ACD7-136D-4DA1-BA63-3385D38B5935}" type="presOf" srcId="{9E2033D5-F635-4215-96FB-F145B6B9844E}" destId="{12334DBF-5B11-4F00-8EF6-3B31AF17AC5E}" srcOrd="1" destOrd="0" presId="urn:microsoft.com/office/officeart/2005/8/layout/bList2"/>
    <dgm:cxn modelId="{BA4780DB-50AD-4EE8-AE69-B9F9D992A431}" type="presOf" srcId="{7C014077-7B55-4E6F-84BC-C8E3732C7C22}" destId="{B683597D-0927-4665-9837-3F6356C18B42}" srcOrd="0" destOrd="0" presId="urn:microsoft.com/office/officeart/2005/8/layout/bList2"/>
    <dgm:cxn modelId="{33761CE0-F22B-4A24-9BAA-A29CB7B7F136}" type="presOf" srcId="{BBFAD4F7-7A42-458B-9CCE-AE2455D9FB57}" destId="{4083AB45-47BE-496E-895C-B6A26F1456CB}" srcOrd="0" destOrd="0" presId="urn:microsoft.com/office/officeart/2005/8/layout/bList2"/>
    <dgm:cxn modelId="{9DFBCFF8-7C1D-4C3A-8463-BAF1614159F2}" type="presOf" srcId="{3D2B7D01-A080-4F3E-A510-B96A9A8E3E61}" destId="{C878F74D-1942-4930-9FE1-0E26F53D3D47}" srcOrd="0" destOrd="0" presId="urn:microsoft.com/office/officeart/2005/8/layout/bList2"/>
    <dgm:cxn modelId="{2246D3FD-67A9-44EB-8F5F-9531FE7587E2}" type="presOf" srcId="{F0F4CF51-EB10-430F-8682-FCDF0A7B4548}" destId="{1DBA0CF8-ACE0-4098-9C2B-F19454972558}" srcOrd="1" destOrd="0" presId="urn:microsoft.com/office/officeart/2005/8/layout/bList2"/>
    <dgm:cxn modelId="{EA7FECC1-E613-40AE-8187-13171041DBCE}" type="presParOf" srcId="{46E5E31A-98F1-432F-8B71-4B364C4A3EDD}" destId="{1E8D315E-D6DC-4C36-880E-13750AA1CC5D}" srcOrd="0" destOrd="0" presId="urn:microsoft.com/office/officeart/2005/8/layout/bList2"/>
    <dgm:cxn modelId="{D37B089E-B7D9-4595-879B-906A9EE0D31F}" type="presParOf" srcId="{1E8D315E-D6DC-4C36-880E-13750AA1CC5D}" destId="{8870D052-58C0-49EA-88DF-E0D141B0BB34}" srcOrd="0" destOrd="0" presId="urn:microsoft.com/office/officeart/2005/8/layout/bList2"/>
    <dgm:cxn modelId="{84709235-894B-423B-B935-F43AF5ADD8D3}" type="presParOf" srcId="{1E8D315E-D6DC-4C36-880E-13750AA1CC5D}" destId="{C843A786-23EF-4F34-BE2A-D3DCA956E136}" srcOrd="1" destOrd="0" presId="urn:microsoft.com/office/officeart/2005/8/layout/bList2"/>
    <dgm:cxn modelId="{46EDB860-D8F7-40D6-8809-7CDACAF40E04}" type="presParOf" srcId="{1E8D315E-D6DC-4C36-880E-13750AA1CC5D}" destId="{12334DBF-5B11-4F00-8EF6-3B31AF17AC5E}" srcOrd="2" destOrd="0" presId="urn:microsoft.com/office/officeart/2005/8/layout/bList2"/>
    <dgm:cxn modelId="{24767489-C430-4E19-9692-F6A6AD3EB670}" type="presParOf" srcId="{1E8D315E-D6DC-4C36-880E-13750AA1CC5D}" destId="{7B532F04-9561-47D8-BCF9-FB5D926D8AF9}" srcOrd="3" destOrd="0" presId="urn:microsoft.com/office/officeart/2005/8/layout/bList2"/>
    <dgm:cxn modelId="{EA4469A9-5A94-4392-B3E4-D1FC61EAA0E1}" type="presParOf" srcId="{46E5E31A-98F1-432F-8B71-4B364C4A3EDD}" destId="{B683597D-0927-4665-9837-3F6356C18B42}" srcOrd="1" destOrd="0" presId="urn:microsoft.com/office/officeart/2005/8/layout/bList2"/>
    <dgm:cxn modelId="{316C6881-39FD-42FC-9D88-F471B83CD47A}" type="presParOf" srcId="{46E5E31A-98F1-432F-8B71-4B364C4A3EDD}" destId="{52709FD2-408F-43A2-9F98-C19EDBA22477}" srcOrd="2" destOrd="0" presId="urn:microsoft.com/office/officeart/2005/8/layout/bList2"/>
    <dgm:cxn modelId="{4134C237-EEA7-479B-BD69-74536DF811CE}" type="presParOf" srcId="{52709FD2-408F-43A2-9F98-C19EDBA22477}" destId="{AE262A03-B1CF-4F25-88CF-749ACC899ACB}" srcOrd="0" destOrd="0" presId="urn:microsoft.com/office/officeart/2005/8/layout/bList2"/>
    <dgm:cxn modelId="{A5372D1D-0BA3-422C-8325-25A1AF095D40}" type="presParOf" srcId="{52709FD2-408F-43A2-9F98-C19EDBA22477}" destId="{AD3520C2-D852-476A-B72B-DF14A3CB72BE}" srcOrd="1" destOrd="0" presId="urn:microsoft.com/office/officeart/2005/8/layout/bList2"/>
    <dgm:cxn modelId="{0E206C93-0F61-4FDC-AE44-E0A1AED10808}" type="presParOf" srcId="{52709FD2-408F-43A2-9F98-C19EDBA22477}" destId="{FEE1942B-2F1E-4848-A3C3-20201C8592B4}" srcOrd="2" destOrd="0" presId="urn:microsoft.com/office/officeart/2005/8/layout/bList2"/>
    <dgm:cxn modelId="{9D92E68D-795E-43A9-BA1A-20DB36647A71}" type="presParOf" srcId="{52709FD2-408F-43A2-9F98-C19EDBA22477}" destId="{2A8B7289-4530-473E-9601-5E16EC766FB7}" srcOrd="3" destOrd="0" presId="urn:microsoft.com/office/officeart/2005/8/layout/bList2"/>
    <dgm:cxn modelId="{CDD58D4C-386F-493E-BE86-4C23C425C0CF}" type="presParOf" srcId="{46E5E31A-98F1-432F-8B71-4B364C4A3EDD}" destId="{C878F74D-1942-4930-9FE1-0E26F53D3D47}" srcOrd="3" destOrd="0" presId="urn:microsoft.com/office/officeart/2005/8/layout/bList2"/>
    <dgm:cxn modelId="{B3E9FEE2-BE35-4BFF-98DF-819AF32748E1}" type="presParOf" srcId="{46E5E31A-98F1-432F-8B71-4B364C4A3EDD}" destId="{EED01AFD-11B8-455E-8168-4772275DA415}" srcOrd="4" destOrd="0" presId="urn:microsoft.com/office/officeart/2005/8/layout/bList2"/>
    <dgm:cxn modelId="{E75B2B7A-5D3A-490C-953D-5C075A545342}" type="presParOf" srcId="{EED01AFD-11B8-455E-8168-4772275DA415}" destId="{F291119F-B4FD-4058-9702-E5AD24122365}" srcOrd="0" destOrd="0" presId="urn:microsoft.com/office/officeart/2005/8/layout/bList2"/>
    <dgm:cxn modelId="{4EE77D47-2301-4126-A0B6-0CC99FA9F894}" type="presParOf" srcId="{EED01AFD-11B8-455E-8168-4772275DA415}" destId="{4083AB45-47BE-496E-895C-B6A26F1456CB}" srcOrd="1" destOrd="0" presId="urn:microsoft.com/office/officeart/2005/8/layout/bList2"/>
    <dgm:cxn modelId="{062D40DE-B346-4DE5-BFF7-72BABB0A69BB}" type="presParOf" srcId="{EED01AFD-11B8-455E-8168-4772275DA415}" destId="{1F5B1EBE-7012-4CC6-B843-C936B893C684}" srcOrd="2" destOrd="0" presId="urn:microsoft.com/office/officeart/2005/8/layout/bList2"/>
    <dgm:cxn modelId="{D42EE6B1-4B9A-4433-9EC9-2EE32849AB80}" type="presParOf" srcId="{EED01AFD-11B8-455E-8168-4772275DA415}" destId="{3D4774D3-7EE4-42FF-82D5-541C8BB28C2D}" srcOrd="3" destOrd="0" presId="urn:microsoft.com/office/officeart/2005/8/layout/bList2"/>
    <dgm:cxn modelId="{D1AACCD8-2319-42EF-867A-901ABC5A5F95}" type="presParOf" srcId="{46E5E31A-98F1-432F-8B71-4B364C4A3EDD}" destId="{32C54C53-BAE5-428C-BF05-67CAA040AF83}" srcOrd="5" destOrd="0" presId="urn:microsoft.com/office/officeart/2005/8/layout/bList2"/>
    <dgm:cxn modelId="{FA8DDD65-D261-44B9-BD38-47B3165E4219}" type="presParOf" srcId="{46E5E31A-98F1-432F-8B71-4B364C4A3EDD}" destId="{E63F4B4D-4CCE-45FC-AA48-90D76366E685}" srcOrd="6" destOrd="0" presId="urn:microsoft.com/office/officeart/2005/8/layout/bList2"/>
    <dgm:cxn modelId="{F6D598C9-E066-4B7C-8C0C-1C7E4CD125C5}" type="presParOf" srcId="{E63F4B4D-4CCE-45FC-AA48-90D76366E685}" destId="{7E16BCD6-25A5-4E3A-AAA9-F461C10AD0EE}" srcOrd="0" destOrd="0" presId="urn:microsoft.com/office/officeart/2005/8/layout/bList2"/>
    <dgm:cxn modelId="{9DB0483D-B3C8-4B1F-B71C-C501007AFD80}" type="presParOf" srcId="{E63F4B4D-4CCE-45FC-AA48-90D76366E685}" destId="{B3664BB3-6483-4396-947A-4F85C817A996}" srcOrd="1" destOrd="0" presId="urn:microsoft.com/office/officeart/2005/8/layout/bList2"/>
    <dgm:cxn modelId="{735469DD-6BD6-4931-8910-62A54E700E42}" type="presParOf" srcId="{E63F4B4D-4CCE-45FC-AA48-90D76366E685}" destId="{1DBA0CF8-ACE0-4098-9C2B-F19454972558}" srcOrd="2" destOrd="0" presId="urn:microsoft.com/office/officeart/2005/8/layout/bList2"/>
    <dgm:cxn modelId="{E034635A-1239-41D6-BF6F-F8F1BAC79EDE}" type="presParOf" srcId="{E63F4B4D-4CCE-45FC-AA48-90D76366E685}" destId="{A093B6B6-83BE-4113-BD95-7064D2946CAB}" srcOrd="3" destOrd="0" presId="urn:microsoft.com/office/officeart/2005/8/layout/b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8/layout/SquareAccentList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9E2033D5-F635-4215-96FB-F145B6B9844E}">
      <dgm:prSet phldrT="[Text]"/>
      <dgm:spPr/>
      <dgm:t>
        <a:bodyPr/>
        <a:lstStyle/>
        <a:p>
          <a:r>
            <a:rPr lang="en-US" dirty="0"/>
            <a:t>Paper 1</a:t>
          </a:r>
        </a:p>
      </dgm:t>
    </dgm:pt>
    <dgm:pt modelId="{89ACCFF9-38F4-4B4A-BE09-9E4EFE75CE68}" type="parTrans" cxnId="{EB40E17C-F0B8-4C39-A271-0D8A41B36C0E}">
      <dgm:prSet/>
      <dgm:spPr/>
      <dgm:t>
        <a:bodyPr/>
        <a:lstStyle/>
        <a:p>
          <a:endParaRPr lang="en-US"/>
        </a:p>
      </dgm:t>
    </dgm:pt>
    <dgm:pt modelId="{7C014077-7B55-4E6F-84BC-C8E3732C7C22}" type="sibTrans" cxnId="{EB40E17C-F0B8-4C39-A271-0D8A41B36C0E}">
      <dgm:prSet/>
      <dgm:spPr/>
      <dgm:t>
        <a:bodyPr/>
        <a:lstStyle/>
        <a:p>
          <a:endParaRPr lang="en-US"/>
        </a:p>
      </dgm:t>
    </dgm:pt>
    <dgm:pt modelId="{0FF9BCA3-165C-4BC0-80E5-4B5EF89BFB7D}">
      <dgm:prSet phldrT="[Text]"/>
      <dgm:spPr/>
      <dgm:t>
        <a:bodyPr/>
        <a:lstStyle/>
        <a:p>
          <a:r>
            <a:rPr lang="en-US" dirty="0"/>
            <a:t>Aspect 1</a:t>
          </a:r>
        </a:p>
      </dgm:t>
    </dgm:pt>
    <dgm:pt modelId="{C502B687-2174-4461-ABC2-84B986766BED}" type="parTrans" cxnId="{AA42CE06-E5D2-46C2-A201-646F8DF9533D}">
      <dgm:prSet/>
      <dgm:spPr/>
      <dgm:t>
        <a:bodyPr/>
        <a:lstStyle/>
        <a:p>
          <a:endParaRPr lang="en-US"/>
        </a:p>
      </dgm:t>
    </dgm:pt>
    <dgm:pt modelId="{F657C0B0-E9F0-4118-A18B-C4A4E578DF98}" type="sibTrans" cxnId="{AA42CE06-E5D2-46C2-A201-646F8DF9533D}">
      <dgm:prSet/>
      <dgm:spPr/>
      <dgm:t>
        <a:bodyPr/>
        <a:lstStyle/>
        <a:p>
          <a:endParaRPr lang="en-US"/>
        </a:p>
      </dgm:t>
    </dgm:pt>
    <dgm:pt modelId="{41DF8973-FB93-47C3-85F5-C019172A92BD}">
      <dgm:prSet phldrT="[Text]"/>
      <dgm:spPr/>
      <dgm:t>
        <a:bodyPr/>
        <a:lstStyle/>
        <a:p>
          <a:r>
            <a:rPr lang="en-US" dirty="0"/>
            <a:t>Paper 2</a:t>
          </a:r>
        </a:p>
      </dgm:t>
    </dgm:pt>
    <dgm:pt modelId="{13360191-42C9-481B-B781-AA39990417AC}" type="parTrans" cxnId="{17805DC0-87A6-422C-8A5D-D96BA31E2466}">
      <dgm:prSet/>
      <dgm:spPr/>
      <dgm:t>
        <a:bodyPr/>
        <a:lstStyle/>
        <a:p>
          <a:endParaRPr lang="en-US"/>
        </a:p>
      </dgm:t>
    </dgm:pt>
    <dgm:pt modelId="{3D2B7D01-A080-4F3E-A510-B96A9A8E3E61}" type="sibTrans" cxnId="{17805DC0-87A6-422C-8A5D-D96BA31E2466}">
      <dgm:prSet/>
      <dgm:spPr/>
      <dgm:t>
        <a:bodyPr/>
        <a:lstStyle/>
        <a:p>
          <a:endParaRPr lang="en-US"/>
        </a:p>
      </dgm:t>
    </dgm:pt>
    <dgm:pt modelId="{8AE744FF-4AC5-40AE-A5A3-850A9F900079}">
      <dgm:prSet phldrT="[Text]"/>
      <dgm:spPr/>
      <dgm:t>
        <a:bodyPr/>
        <a:lstStyle/>
        <a:p>
          <a:r>
            <a:rPr lang="en-US" dirty="0"/>
            <a:t>Aspect 1</a:t>
          </a:r>
        </a:p>
      </dgm:t>
    </dgm:pt>
    <dgm:pt modelId="{DD3568E7-D119-4359-B9C8-09FAA7EE1C9B}" type="parTrans" cxnId="{BC0E3063-B43F-4973-9C20-3934B48C8CC8}">
      <dgm:prSet/>
      <dgm:spPr/>
      <dgm:t>
        <a:bodyPr/>
        <a:lstStyle/>
        <a:p>
          <a:endParaRPr lang="en-US"/>
        </a:p>
      </dgm:t>
    </dgm:pt>
    <dgm:pt modelId="{6943A720-1CD2-48DF-994D-FCF6C0E69039}" type="sibTrans" cxnId="{BC0E3063-B43F-4973-9C20-3934B48C8CC8}">
      <dgm:prSet/>
      <dgm:spPr/>
      <dgm:t>
        <a:bodyPr/>
        <a:lstStyle/>
        <a:p>
          <a:endParaRPr lang="en-US"/>
        </a:p>
      </dgm:t>
    </dgm:pt>
    <dgm:pt modelId="{BBFAD4F7-7A42-458B-9CCE-AE2455D9FB57}">
      <dgm:prSet phldrT="[Text]"/>
      <dgm:spPr/>
      <dgm:t>
        <a:bodyPr/>
        <a:lstStyle/>
        <a:p>
          <a:r>
            <a:rPr lang="en-US" dirty="0"/>
            <a:t>Paper 3</a:t>
          </a:r>
        </a:p>
      </dgm:t>
    </dgm:pt>
    <dgm:pt modelId="{3B0F0792-B36D-4E15-99CD-C83452BB41C3}" type="parTrans" cxnId="{BB8BFF46-8A67-4938-8DC5-0B6EC5C3D341}">
      <dgm:prSet/>
      <dgm:spPr/>
      <dgm:t>
        <a:bodyPr/>
        <a:lstStyle/>
        <a:p>
          <a:endParaRPr lang="en-US"/>
        </a:p>
      </dgm:t>
    </dgm:pt>
    <dgm:pt modelId="{1805E9EA-2536-4F7E-83BE-23F8493324CE}" type="sibTrans" cxnId="{BB8BFF46-8A67-4938-8DC5-0B6EC5C3D341}">
      <dgm:prSet/>
      <dgm:spPr/>
      <dgm:t>
        <a:bodyPr/>
        <a:lstStyle/>
        <a:p>
          <a:endParaRPr lang="en-US"/>
        </a:p>
      </dgm:t>
    </dgm:pt>
    <dgm:pt modelId="{7E080A7D-863D-4A7B-8131-1D11D254A7C3}">
      <dgm:prSet phldrT="[Text]"/>
      <dgm:spPr/>
      <dgm:t>
        <a:bodyPr/>
        <a:lstStyle/>
        <a:p>
          <a:r>
            <a:rPr lang="en-US" dirty="0"/>
            <a:t>Aspect 1</a:t>
          </a:r>
        </a:p>
      </dgm:t>
    </dgm:pt>
    <dgm:pt modelId="{437472BB-FA4B-4F9F-9A2E-2218712CDCC1}" type="parTrans" cxnId="{1D72F1C5-3113-407D-96A2-3BEECAA239C8}">
      <dgm:prSet/>
      <dgm:spPr/>
      <dgm:t>
        <a:bodyPr/>
        <a:lstStyle/>
        <a:p>
          <a:endParaRPr lang="en-US"/>
        </a:p>
      </dgm:t>
    </dgm:pt>
    <dgm:pt modelId="{37FF4EDF-E762-4083-83DC-4975C181565C}" type="sibTrans" cxnId="{1D72F1C5-3113-407D-96A2-3BEECAA239C8}">
      <dgm:prSet/>
      <dgm:spPr/>
      <dgm:t>
        <a:bodyPr/>
        <a:lstStyle/>
        <a:p>
          <a:endParaRPr lang="en-US"/>
        </a:p>
      </dgm:t>
    </dgm:pt>
    <dgm:pt modelId="{F0F4CF51-EB10-430F-8682-FCDF0A7B4548}">
      <dgm:prSet phldrT="[Text]"/>
      <dgm:spPr/>
      <dgm:t>
        <a:bodyPr/>
        <a:lstStyle/>
        <a:p>
          <a:r>
            <a:rPr lang="en-US" dirty="0"/>
            <a:t>Paper 4</a:t>
          </a:r>
        </a:p>
      </dgm:t>
    </dgm:pt>
    <dgm:pt modelId="{8BFB1482-2250-4E86-9297-43274DA2C978}" type="parTrans" cxnId="{FEA880C3-3CED-4245-A9E5-72D78398D71E}">
      <dgm:prSet/>
      <dgm:spPr/>
      <dgm:t>
        <a:bodyPr/>
        <a:lstStyle/>
        <a:p>
          <a:endParaRPr lang="en-US"/>
        </a:p>
      </dgm:t>
    </dgm:pt>
    <dgm:pt modelId="{AFA69A39-E1C8-426E-839F-972C7AE16211}" type="sibTrans" cxnId="{FEA880C3-3CED-4245-A9E5-72D78398D71E}">
      <dgm:prSet/>
      <dgm:spPr/>
      <dgm:t>
        <a:bodyPr/>
        <a:lstStyle/>
        <a:p>
          <a:endParaRPr lang="en-US"/>
        </a:p>
      </dgm:t>
    </dgm:pt>
    <dgm:pt modelId="{CA5B398A-0427-45CA-A9ED-999768261E2D}">
      <dgm:prSet phldrT="[Text]"/>
      <dgm:spPr/>
      <dgm:t>
        <a:bodyPr/>
        <a:lstStyle/>
        <a:p>
          <a:r>
            <a:rPr lang="en-US" dirty="0"/>
            <a:t>Aspect 2</a:t>
          </a:r>
        </a:p>
      </dgm:t>
    </dgm:pt>
    <dgm:pt modelId="{35F83DFD-121E-4B14-BEA7-04BB43F85948}" type="parTrans" cxnId="{183DD78D-4000-4E3C-A537-E185A3734451}">
      <dgm:prSet/>
      <dgm:spPr/>
      <dgm:t>
        <a:bodyPr/>
        <a:lstStyle/>
        <a:p>
          <a:endParaRPr lang="en-US"/>
        </a:p>
      </dgm:t>
    </dgm:pt>
    <dgm:pt modelId="{93B68C54-50D7-4A05-ABDE-F5224031F682}" type="sibTrans" cxnId="{183DD78D-4000-4E3C-A537-E185A3734451}">
      <dgm:prSet/>
      <dgm:spPr/>
      <dgm:t>
        <a:bodyPr/>
        <a:lstStyle/>
        <a:p>
          <a:endParaRPr lang="en-US"/>
        </a:p>
      </dgm:t>
    </dgm:pt>
    <dgm:pt modelId="{845C2A4F-702E-45BE-B91E-411FF7E3821B}">
      <dgm:prSet phldrT="[Text]"/>
      <dgm:spPr/>
      <dgm:t>
        <a:bodyPr/>
        <a:lstStyle/>
        <a:p>
          <a:r>
            <a:rPr lang="en-US" dirty="0"/>
            <a:t>Aspect 2</a:t>
          </a:r>
        </a:p>
      </dgm:t>
    </dgm:pt>
    <dgm:pt modelId="{95478448-B001-46B8-BF4E-9D807D47FD69}" type="parTrans" cxnId="{025C3F12-D615-4734-A889-E437F2C8ED83}">
      <dgm:prSet/>
      <dgm:spPr/>
      <dgm:t>
        <a:bodyPr/>
        <a:lstStyle/>
        <a:p>
          <a:endParaRPr lang="en-US"/>
        </a:p>
      </dgm:t>
    </dgm:pt>
    <dgm:pt modelId="{AF1364E3-5B73-4758-9545-F6AB3759CA10}" type="sibTrans" cxnId="{025C3F12-D615-4734-A889-E437F2C8ED83}">
      <dgm:prSet/>
      <dgm:spPr/>
      <dgm:t>
        <a:bodyPr/>
        <a:lstStyle/>
        <a:p>
          <a:endParaRPr lang="en-US"/>
        </a:p>
      </dgm:t>
    </dgm:pt>
    <dgm:pt modelId="{14BF2279-413B-4801-817A-3168EFE61214}">
      <dgm:prSet phldrT="[Text]"/>
      <dgm:spPr/>
      <dgm:t>
        <a:bodyPr/>
        <a:lstStyle/>
        <a:p>
          <a:r>
            <a:rPr lang="en-US" dirty="0"/>
            <a:t>Aspect 2</a:t>
          </a:r>
        </a:p>
      </dgm:t>
    </dgm:pt>
    <dgm:pt modelId="{870DB1E7-045F-478E-A187-B0DD32616ADC}" type="parTrans" cxnId="{DF3F464B-70A4-45DE-8921-03E030BC1ECE}">
      <dgm:prSet/>
      <dgm:spPr/>
      <dgm:t>
        <a:bodyPr/>
        <a:lstStyle/>
        <a:p>
          <a:endParaRPr lang="en-US"/>
        </a:p>
      </dgm:t>
    </dgm:pt>
    <dgm:pt modelId="{A80EB7F8-8F9C-44C0-9293-FB4E048393A9}" type="sibTrans" cxnId="{DF3F464B-70A4-45DE-8921-03E030BC1ECE}">
      <dgm:prSet/>
      <dgm:spPr/>
      <dgm:t>
        <a:bodyPr/>
        <a:lstStyle/>
        <a:p>
          <a:endParaRPr lang="en-US"/>
        </a:p>
      </dgm:t>
    </dgm:pt>
    <dgm:pt modelId="{F6B3A342-680B-4E50-B195-60BF2CBB1E84}">
      <dgm:prSet phldrT="[Text]"/>
      <dgm:spPr/>
      <dgm:t>
        <a:bodyPr/>
        <a:lstStyle/>
        <a:p>
          <a:r>
            <a:rPr lang="en-US" dirty="0"/>
            <a:t>Aspect 1</a:t>
          </a:r>
        </a:p>
      </dgm:t>
    </dgm:pt>
    <dgm:pt modelId="{A6AE79C2-4A59-4593-82B3-EB5F4C7FB417}" type="parTrans" cxnId="{9396E120-2D8E-4957-9651-2593D5087975}">
      <dgm:prSet/>
      <dgm:spPr/>
      <dgm:t>
        <a:bodyPr/>
        <a:lstStyle/>
        <a:p>
          <a:endParaRPr lang="en-US"/>
        </a:p>
      </dgm:t>
    </dgm:pt>
    <dgm:pt modelId="{711DEA9F-55F1-402E-A07A-121B4640D6A8}" type="sibTrans" cxnId="{9396E120-2D8E-4957-9651-2593D5087975}">
      <dgm:prSet/>
      <dgm:spPr/>
      <dgm:t>
        <a:bodyPr/>
        <a:lstStyle/>
        <a:p>
          <a:endParaRPr lang="en-US"/>
        </a:p>
      </dgm:t>
    </dgm:pt>
    <dgm:pt modelId="{F866899F-B177-4961-A8FA-045F948761C9}">
      <dgm:prSet phldrT="[Text]"/>
      <dgm:spPr/>
      <dgm:t>
        <a:bodyPr/>
        <a:lstStyle/>
        <a:p>
          <a:r>
            <a:rPr lang="en-US" dirty="0"/>
            <a:t>Aspect 2</a:t>
          </a:r>
        </a:p>
      </dgm:t>
    </dgm:pt>
    <dgm:pt modelId="{43D14D20-6011-464E-B4D5-023BBA0629A8}" type="parTrans" cxnId="{B4650A3A-C743-4BB1-B97E-B06B1FB1820F}">
      <dgm:prSet/>
      <dgm:spPr/>
      <dgm:t>
        <a:bodyPr/>
        <a:lstStyle/>
        <a:p>
          <a:endParaRPr lang="en-US"/>
        </a:p>
      </dgm:t>
    </dgm:pt>
    <dgm:pt modelId="{94A69576-2B2C-4401-B23B-3D2BEDCCD034}" type="sibTrans" cxnId="{B4650A3A-C743-4BB1-B97E-B06B1FB1820F}">
      <dgm:prSet/>
      <dgm:spPr/>
      <dgm:t>
        <a:bodyPr/>
        <a:lstStyle/>
        <a:p>
          <a:endParaRPr lang="en-US"/>
        </a:p>
      </dgm:t>
    </dgm:pt>
    <dgm:pt modelId="{6F3915A2-503E-4AA9-977B-14CCDDBA2191}">
      <dgm:prSet phldrT="[Text]"/>
      <dgm:spPr/>
      <dgm:t>
        <a:bodyPr/>
        <a:lstStyle/>
        <a:p>
          <a:r>
            <a:rPr lang="en-US" dirty="0"/>
            <a:t>Paper 5</a:t>
          </a:r>
        </a:p>
      </dgm:t>
    </dgm:pt>
    <dgm:pt modelId="{6E1812AB-ACE3-4C91-B467-A71144294EB5}" type="parTrans" cxnId="{A638BA21-4D5B-4D59-9026-CFC3D5EED30A}">
      <dgm:prSet/>
      <dgm:spPr/>
    </dgm:pt>
    <dgm:pt modelId="{0E2D1E7B-A8C3-44A9-A74B-E6F9FEC407D6}" type="sibTrans" cxnId="{A638BA21-4D5B-4D59-9026-CFC3D5EED30A}">
      <dgm:prSet/>
      <dgm:spPr/>
    </dgm:pt>
    <dgm:pt modelId="{BB86B34D-8B9A-4B62-AE31-E4780D5A642D}">
      <dgm:prSet phldrT="[Text]"/>
      <dgm:spPr/>
      <dgm:t>
        <a:bodyPr/>
        <a:lstStyle/>
        <a:p>
          <a:r>
            <a:rPr lang="en-US" dirty="0"/>
            <a:t>Aspect 1</a:t>
          </a:r>
        </a:p>
      </dgm:t>
    </dgm:pt>
    <dgm:pt modelId="{C4D2D567-9FF9-4E0B-BF78-B08765339667}" type="parTrans" cxnId="{828EC921-520E-4060-8D91-B146BC415BE6}">
      <dgm:prSet/>
      <dgm:spPr/>
    </dgm:pt>
    <dgm:pt modelId="{12E22864-AB9D-4C6D-98C8-3D820EF3852B}" type="sibTrans" cxnId="{828EC921-520E-4060-8D91-B146BC415BE6}">
      <dgm:prSet/>
      <dgm:spPr/>
    </dgm:pt>
    <dgm:pt modelId="{DC8C18C5-125A-40E5-B6E8-FEB9FB2D4F92}">
      <dgm:prSet phldrT="[Text]"/>
      <dgm:spPr/>
      <dgm:t>
        <a:bodyPr/>
        <a:lstStyle/>
        <a:p>
          <a:r>
            <a:rPr lang="en-US" dirty="0"/>
            <a:t>Aspect 2</a:t>
          </a:r>
        </a:p>
      </dgm:t>
    </dgm:pt>
    <dgm:pt modelId="{87C87CF4-5E7B-42AF-A91D-A39C0A298A4A}" type="parTrans" cxnId="{ED0F0628-A083-4DA7-8026-6C72AF6DCC3C}">
      <dgm:prSet/>
      <dgm:spPr/>
    </dgm:pt>
    <dgm:pt modelId="{B7C9E7F9-D8F3-4419-BE72-299993D2C3FD}" type="sibTrans" cxnId="{ED0F0628-A083-4DA7-8026-6C72AF6DCC3C}">
      <dgm:prSet/>
      <dgm:spPr/>
    </dgm:pt>
    <dgm:pt modelId="{657BD286-0FB4-4BB9-A2CB-D5E5285E189D}">
      <dgm:prSet phldrT="[Text]"/>
      <dgm:spPr/>
      <dgm:t>
        <a:bodyPr/>
        <a:lstStyle/>
        <a:p>
          <a:r>
            <a:rPr lang="en-US" dirty="0"/>
            <a:t>Paper 6</a:t>
          </a:r>
        </a:p>
      </dgm:t>
    </dgm:pt>
    <dgm:pt modelId="{4C059D3B-2369-4C6B-ADFB-63180E77BB7D}" type="parTrans" cxnId="{EDFE3383-E28A-4727-AB3E-91736B672FEA}">
      <dgm:prSet/>
      <dgm:spPr/>
    </dgm:pt>
    <dgm:pt modelId="{694448DA-6033-40E7-B882-D0E238EA2853}" type="sibTrans" cxnId="{EDFE3383-E28A-4727-AB3E-91736B672FEA}">
      <dgm:prSet/>
      <dgm:spPr/>
    </dgm:pt>
    <dgm:pt modelId="{C46E0576-FFE5-46B3-965D-1168FE5C45BC}">
      <dgm:prSet phldrT="[Text]"/>
      <dgm:spPr/>
      <dgm:t>
        <a:bodyPr/>
        <a:lstStyle/>
        <a:p>
          <a:r>
            <a:rPr lang="en-US" dirty="0"/>
            <a:t>Aspect 1</a:t>
          </a:r>
        </a:p>
      </dgm:t>
    </dgm:pt>
    <dgm:pt modelId="{A3C347DE-5596-41AC-B5E6-A3B94E29680C}" type="parTrans" cxnId="{CCD9DE78-106C-4659-9A72-9455BB81FC1F}">
      <dgm:prSet/>
      <dgm:spPr/>
    </dgm:pt>
    <dgm:pt modelId="{726A21A3-C687-42DE-83B8-3E93D6140F9B}" type="sibTrans" cxnId="{CCD9DE78-106C-4659-9A72-9455BB81FC1F}">
      <dgm:prSet/>
      <dgm:spPr/>
    </dgm:pt>
    <dgm:pt modelId="{B3D50A51-41F1-4DA9-9E1A-D3A0DC40A93C}">
      <dgm:prSet phldrT="[Text]"/>
      <dgm:spPr/>
      <dgm:t>
        <a:bodyPr/>
        <a:lstStyle/>
        <a:p>
          <a:r>
            <a:rPr lang="en-US" dirty="0"/>
            <a:t>Aspect 2</a:t>
          </a:r>
        </a:p>
      </dgm:t>
    </dgm:pt>
    <dgm:pt modelId="{64BD9596-EC9D-4093-91A6-00DF0CE4225C}" type="parTrans" cxnId="{99D7CE50-DAB3-4ADF-B843-D5B2B1F79D48}">
      <dgm:prSet/>
      <dgm:spPr/>
    </dgm:pt>
    <dgm:pt modelId="{725F5716-1D6C-4A1A-9CFE-B53C452EA1A3}" type="sibTrans" cxnId="{99D7CE50-DAB3-4ADF-B843-D5B2B1F79D48}">
      <dgm:prSet/>
      <dgm:spPr/>
    </dgm:pt>
    <dgm:pt modelId="{A599F635-F6F1-4B6C-8F85-CE3966A9A3D7}" type="pres">
      <dgm:prSet presAssocID="{CBCC504F-0FAB-487F-876D-E929F8569590}" presName="layout" presStyleCnt="0">
        <dgm:presLayoutVars>
          <dgm:chMax/>
          <dgm:chPref/>
          <dgm:dir/>
          <dgm:resizeHandles/>
        </dgm:presLayoutVars>
      </dgm:prSet>
      <dgm:spPr/>
    </dgm:pt>
    <dgm:pt modelId="{473EC83D-3203-465C-8AE4-248D3B4B96DD}" type="pres">
      <dgm:prSet presAssocID="{9E2033D5-F635-4215-96FB-F145B6B9844E}" presName="root" presStyleCnt="0">
        <dgm:presLayoutVars>
          <dgm:chMax/>
          <dgm:chPref/>
        </dgm:presLayoutVars>
      </dgm:prSet>
      <dgm:spPr/>
    </dgm:pt>
    <dgm:pt modelId="{09FA022E-00BE-4B78-8797-A3F21DFF0444}" type="pres">
      <dgm:prSet presAssocID="{9E2033D5-F635-4215-96FB-F145B6B9844E}" presName="rootComposite" presStyleCnt="0">
        <dgm:presLayoutVars/>
      </dgm:prSet>
      <dgm:spPr/>
    </dgm:pt>
    <dgm:pt modelId="{174BB2E2-1A2C-4369-B34D-EDD0E3CF3C24}" type="pres">
      <dgm:prSet presAssocID="{9E2033D5-F635-4215-96FB-F145B6B9844E}" presName="ParentAccent" presStyleLbl="alignNode1" presStyleIdx="0" presStyleCnt="6"/>
      <dgm:spPr>
        <a:solidFill>
          <a:srgbClr val="C29943"/>
        </a:solidFill>
        <a:ln>
          <a:solidFill>
            <a:srgbClr val="C29943"/>
          </a:solidFill>
        </a:ln>
      </dgm:spPr>
    </dgm:pt>
    <dgm:pt modelId="{26289473-1970-40FD-ABD8-3BC05B1708A3}" type="pres">
      <dgm:prSet presAssocID="{9E2033D5-F635-4215-96FB-F145B6B9844E}" presName="ParentSmallAccent" presStyleLbl="fgAcc1" presStyleIdx="0" presStyleCnt="6"/>
      <dgm:spPr/>
    </dgm:pt>
    <dgm:pt modelId="{0FB009D7-0D00-48D7-9705-0CE6B3B55410}" type="pres">
      <dgm:prSet presAssocID="{9E2033D5-F635-4215-96FB-F145B6B9844E}" presName="Parent" presStyleLbl="revTx" presStyleIdx="0" presStyleCnt="18">
        <dgm:presLayoutVars>
          <dgm:chMax/>
          <dgm:chPref val="4"/>
          <dgm:bulletEnabled val="1"/>
        </dgm:presLayoutVars>
      </dgm:prSet>
      <dgm:spPr/>
    </dgm:pt>
    <dgm:pt modelId="{E346B8BA-EE07-4C2B-9C19-F3C500ACF940}" type="pres">
      <dgm:prSet presAssocID="{9E2033D5-F635-4215-96FB-F145B6B9844E}" presName="childShape" presStyleCnt="0">
        <dgm:presLayoutVars>
          <dgm:chMax val="0"/>
          <dgm:chPref val="0"/>
        </dgm:presLayoutVars>
      </dgm:prSet>
      <dgm:spPr/>
    </dgm:pt>
    <dgm:pt modelId="{24302DE6-78BE-43FF-AE9B-A56EA5CEBFE2}" type="pres">
      <dgm:prSet presAssocID="{0FF9BCA3-165C-4BC0-80E5-4B5EF89BFB7D}" presName="childComposite" presStyleCnt="0">
        <dgm:presLayoutVars>
          <dgm:chMax val="0"/>
          <dgm:chPref val="0"/>
        </dgm:presLayoutVars>
      </dgm:prSet>
      <dgm:spPr/>
    </dgm:pt>
    <dgm:pt modelId="{05B89CAE-50E4-4C34-8A53-0BB8ECD59584}" type="pres">
      <dgm:prSet presAssocID="{0FF9BCA3-165C-4BC0-80E5-4B5EF89BFB7D}" presName="ChildAccent" presStyleLbl="solidFgAcc1" presStyleIdx="0" presStyleCnt="12"/>
      <dgm:spPr/>
    </dgm:pt>
    <dgm:pt modelId="{A0E8BF3F-8ED2-4EE6-93FA-E15DEA01C2A1}" type="pres">
      <dgm:prSet presAssocID="{0FF9BCA3-165C-4BC0-80E5-4B5EF89BFB7D}" presName="Child" presStyleLbl="revTx" presStyleIdx="1" presStyleCnt="18">
        <dgm:presLayoutVars>
          <dgm:chMax val="0"/>
          <dgm:chPref val="0"/>
          <dgm:bulletEnabled val="1"/>
        </dgm:presLayoutVars>
      </dgm:prSet>
      <dgm:spPr/>
    </dgm:pt>
    <dgm:pt modelId="{BFB3C2D2-1CC0-4CDF-9837-76D5BFCDBE58}" type="pres">
      <dgm:prSet presAssocID="{CA5B398A-0427-45CA-A9ED-999768261E2D}" presName="childComposite" presStyleCnt="0">
        <dgm:presLayoutVars>
          <dgm:chMax val="0"/>
          <dgm:chPref val="0"/>
        </dgm:presLayoutVars>
      </dgm:prSet>
      <dgm:spPr/>
    </dgm:pt>
    <dgm:pt modelId="{AAF74BA7-AACB-4FB3-BF7C-A6442E3FAC1D}" type="pres">
      <dgm:prSet presAssocID="{CA5B398A-0427-45CA-A9ED-999768261E2D}" presName="ChildAccent" presStyleLbl="solidFgAcc1" presStyleIdx="1" presStyleCnt="12"/>
      <dgm:spPr/>
    </dgm:pt>
    <dgm:pt modelId="{C08B10B3-4157-473A-87B3-19042EBC2BE8}" type="pres">
      <dgm:prSet presAssocID="{CA5B398A-0427-45CA-A9ED-999768261E2D}" presName="Child" presStyleLbl="revTx" presStyleIdx="2" presStyleCnt="18">
        <dgm:presLayoutVars>
          <dgm:chMax val="0"/>
          <dgm:chPref val="0"/>
          <dgm:bulletEnabled val="1"/>
        </dgm:presLayoutVars>
      </dgm:prSet>
      <dgm:spPr/>
    </dgm:pt>
    <dgm:pt modelId="{0C84703F-58D5-4634-A678-49CD320980BC}" type="pres">
      <dgm:prSet presAssocID="{41DF8973-FB93-47C3-85F5-C019172A92BD}" presName="root" presStyleCnt="0">
        <dgm:presLayoutVars>
          <dgm:chMax/>
          <dgm:chPref/>
        </dgm:presLayoutVars>
      </dgm:prSet>
      <dgm:spPr/>
    </dgm:pt>
    <dgm:pt modelId="{58E630FE-B2FB-45F1-B0EC-25CA4BA68912}" type="pres">
      <dgm:prSet presAssocID="{41DF8973-FB93-47C3-85F5-C019172A92BD}" presName="rootComposite" presStyleCnt="0">
        <dgm:presLayoutVars/>
      </dgm:prSet>
      <dgm:spPr/>
    </dgm:pt>
    <dgm:pt modelId="{3052B30D-387A-4F2E-98A9-5CF41C027005}" type="pres">
      <dgm:prSet presAssocID="{41DF8973-FB93-47C3-85F5-C019172A92BD}" presName="ParentAccent" presStyleLbl="alignNode1" presStyleIdx="1" presStyleCnt="6"/>
      <dgm:spPr>
        <a:solidFill>
          <a:srgbClr val="0C3555"/>
        </a:solidFill>
        <a:ln>
          <a:solidFill>
            <a:srgbClr val="0C3555"/>
          </a:solidFill>
        </a:ln>
      </dgm:spPr>
    </dgm:pt>
    <dgm:pt modelId="{44448B12-9AD1-45BC-95D9-0BAA820F162B}" type="pres">
      <dgm:prSet presAssocID="{41DF8973-FB93-47C3-85F5-C019172A92BD}" presName="ParentSmallAccent" presStyleLbl="fgAcc1" presStyleIdx="1" presStyleCnt="6"/>
      <dgm:spPr/>
    </dgm:pt>
    <dgm:pt modelId="{2E82E7FE-7CBE-4681-BB8E-03781C74E3A9}" type="pres">
      <dgm:prSet presAssocID="{41DF8973-FB93-47C3-85F5-C019172A92BD}" presName="Parent" presStyleLbl="revTx" presStyleIdx="3" presStyleCnt="18">
        <dgm:presLayoutVars>
          <dgm:chMax/>
          <dgm:chPref val="4"/>
          <dgm:bulletEnabled val="1"/>
        </dgm:presLayoutVars>
      </dgm:prSet>
      <dgm:spPr/>
    </dgm:pt>
    <dgm:pt modelId="{5A6DFFEA-4E9C-4CC6-B1B7-744ED2517955}" type="pres">
      <dgm:prSet presAssocID="{41DF8973-FB93-47C3-85F5-C019172A92BD}" presName="childShape" presStyleCnt="0">
        <dgm:presLayoutVars>
          <dgm:chMax val="0"/>
          <dgm:chPref val="0"/>
        </dgm:presLayoutVars>
      </dgm:prSet>
      <dgm:spPr/>
    </dgm:pt>
    <dgm:pt modelId="{790A9A0D-CEA4-42FD-BC15-253F8826CA2A}" type="pres">
      <dgm:prSet presAssocID="{8AE744FF-4AC5-40AE-A5A3-850A9F900079}" presName="childComposite" presStyleCnt="0">
        <dgm:presLayoutVars>
          <dgm:chMax val="0"/>
          <dgm:chPref val="0"/>
        </dgm:presLayoutVars>
      </dgm:prSet>
      <dgm:spPr/>
    </dgm:pt>
    <dgm:pt modelId="{2D28A931-7B04-4331-8342-A8F0ED7B5ED1}" type="pres">
      <dgm:prSet presAssocID="{8AE744FF-4AC5-40AE-A5A3-850A9F900079}" presName="ChildAccent" presStyleLbl="solidFgAcc1" presStyleIdx="2" presStyleCnt="12"/>
      <dgm:spPr/>
    </dgm:pt>
    <dgm:pt modelId="{54150E8D-F63B-4280-A7E9-843945D84885}" type="pres">
      <dgm:prSet presAssocID="{8AE744FF-4AC5-40AE-A5A3-850A9F900079}" presName="Child" presStyleLbl="revTx" presStyleIdx="4" presStyleCnt="18">
        <dgm:presLayoutVars>
          <dgm:chMax val="0"/>
          <dgm:chPref val="0"/>
          <dgm:bulletEnabled val="1"/>
        </dgm:presLayoutVars>
      </dgm:prSet>
      <dgm:spPr/>
    </dgm:pt>
    <dgm:pt modelId="{ACA3A276-6531-4CDD-A301-4B97171A5935}" type="pres">
      <dgm:prSet presAssocID="{845C2A4F-702E-45BE-B91E-411FF7E3821B}" presName="childComposite" presStyleCnt="0">
        <dgm:presLayoutVars>
          <dgm:chMax val="0"/>
          <dgm:chPref val="0"/>
        </dgm:presLayoutVars>
      </dgm:prSet>
      <dgm:spPr/>
    </dgm:pt>
    <dgm:pt modelId="{17FFE0F8-9577-4DF8-A9AA-EC0F3F1F1C00}" type="pres">
      <dgm:prSet presAssocID="{845C2A4F-702E-45BE-B91E-411FF7E3821B}" presName="ChildAccent" presStyleLbl="solidFgAcc1" presStyleIdx="3" presStyleCnt="12"/>
      <dgm:spPr/>
    </dgm:pt>
    <dgm:pt modelId="{2097BE7D-1331-4798-999D-E10BE3BA20E1}" type="pres">
      <dgm:prSet presAssocID="{845C2A4F-702E-45BE-B91E-411FF7E3821B}" presName="Child" presStyleLbl="revTx" presStyleIdx="5" presStyleCnt="18">
        <dgm:presLayoutVars>
          <dgm:chMax val="0"/>
          <dgm:chPref val="0"/>
          <dgm:bulletEnabled val="1"/>
        </dgm:presLayoutVars>
      </dgm:prSet>
      <dgm:spPr/>
    </dgm:pt>
    <dgm:pt modelId="{794BB7B5-400D-4744-8730-F8C4E12B6FD0}" type="pres">
      <dgm:prSet presAssocID="{BBFAD4F7-7A42-458B-9CCE-AE2455D9FB57}" presName="root" presStyleCnt="0">
        <dgm:presLayoutVars>
          <dgm:chMax/>
          <dgm:chPref/>
        </dgm:presLayoutVars>
      </dgm:prSet>
      <dgm:spPr/>
    </dgm:pt>
    <dgm:pt modelId="{27138204-0818-4AAA-9EC4-B404990B8EB1}" type="pres">
      <dgm:prSet presAssocID="{BBFAD4F7-7A42-458B-9CCE-AE2455D9FB57}" presName="rootComposite" presStyleCnt="0">
        <dgm:presLayoutVars/>
      </dgm:prSet>
      <dgm:spPr/>
    </dgm:pt>
    <dgm:pt modelId="{29F28738-C335-4640-979D-C594852104CB}" type="pres">
      <dgm:prSet presAssocID="{BBFAD4F7-7A42-458B-9CCE-AE2455D9FB57}" presName="ParentAccent" presStyleLbl="alignNode1" presStyleIdx="2" presStyleCnt="6"/>
      <dgm:spPr/>
    </dgm:pt>
    <dgm:pt modelId="{DAED4ECF-07D2-4B76-A92A-7320938073D3}" type="pres">
      <dgm:prSet presAssocID="{BBFAD4F7-7A42-458B-9CCE-AE2455D9FB57}" presName="ParentSmallAccent" presStyleLbl="fgAcc1" presStyleIdx="2" presStyleCnt="6"/>
      <dgm:spPr/>
    </dgm:pt>
    <dgm:pt modelId="{DA6639BF-064B-442E-A6A2-7D5B443B69B3}" type="pres">
      <dgm:prSet presAssocID="{BBFAD4F7-7A42-458B-9CCE-AE2455D9FB57}" presName="Parent" presStyleLbl="revTx" presStyleIdx="6" presStyleCnt="18">
        <dgm:presLayoutVars>
          <dgm:chMax/>
          <dgm:chPref val="4"/>
          <dgm:bulletEnabled val="1"/>
        </dgm:presLayoutVars>
      </dgm:prSet>
      <dgm:spPr/>
    </dgm:pt>
    <dgm:pt modelId="{536EFFA3-A096-4A89-98D1-D191CCEC2AB4}" type="pres">
      <dgm:prSet presAssocID="{BBFAD4F7-7A42-458B-9CCE-AE2455D9FB57}" presName="childShape" presStyleCnt="0">
        <dgm:presLayoutVars>
          <dgm:chMax val="0"/>
          <dgm:chPref val="0"/>
        </dgm:presLayoutVars>
      </dgm:prSet>
      <dgm:spPr/>
    </dgm:pt>
    <dgm:pt modelId="{90B199F2-73DF-49EA-8ABC-7BFCA4C871AA}" type="pres">
      <dgm:prSet presAssocID="{7E080A7D-863D-4A7B-8131-1D11D254A7C3}" presName="childComposite" presStyleCnt="0">
        <dgm:presLayoutVars>
          <dgm:chMax val="0"/>
          <dgm:chPref val="0"/>
        </dgm:presLayoutVars>
      </dgm:prSet>
      <dgm:spPr/>
    </dgm:pt>
    <dgm:pt modelId="{40C1D052-A0AC-4C34-B7B5-7D01107B3091}" type="pres">
      <dgm:prSet presAssocID="{7E080A7D-863D-4A7B-8131-1D11D254A7C3}" presName="ChildAccent" presStyleLbl="solidFgAcc1" presStyleIdx="4" presStyleCnt="12"/>
      <dgm:spPr/>
    </dgm:pt>
    <dgm:pt modelId="{A29E1ABD-38E9-4122-AB5D-E3B382E53D91}" type="pres">
      <dgm:prSet presAssocID="{7E080A7D-863D-4A7B-8131-1D11D254A7C3}" presName="Child" presStyleLbl="revTx" presStyleIdx="7" presStyleCnt="18">
        <dgm:presLayoutVars>
          <dgm:chMax val="0"/>
          <dgm:chPref val="0"/>
          <dgm:bulletEnabled val="1"/>
        </dgm:presLayoutVars>
      </dgm:prSet>
      <dgm:spPr/>
    </dgm:pt>
    <dgm:pt modelId="{54080F3B-280F-4928-868F-E9086258C30F}" type="pres">
      <dgm:prSet presAssocID="{14BF2279-413B-4801-817A-3168EFE61214}" presName="childComposite" presStyleCnt="0">
        <dgm:presLayoutVars>
          <dgm:chMax val="0"/>
          <dgm:chPref val="0"/>
        </dgm:presLayoutVars>
      </dgm:prSet>
      <dgm:spPr/>
    </dgm:pt>
    <dgm:pt modelId="{5D88B41A-B852-4216-B824-3DD3D078FBE5}" type="pres">
      <dgm:prSet presAssocID="{14BF2279-413B-4801-817A-3168EFE61214}" presName="ChildAccent" presStyleLbl="solidFgAcc1" presStyleIdx="5" presStyleCnt="12"/>
      <dgm:spPr/>
    </dgm:pt>
    <dgm:pt modelId="{7BD8F459-D983-443D-B72E-0D697FF2C955}" type="pres">
      <dgm:prSet presAssocID="{14BF2279-413B-4801-817A-3168EFE61214}" presName="Child" presStyleLbl="revTx" presStyleIdx="8" presStyleCnt="18">
        <dgm:presLayoutVars>
          <dgm:chMax val="0"/>
          <dgm:chPref val="0"/>
          <dgm:bulletEnabled val="1"/>
        </dgm:presLayoutVars>
      </dgm:prSet>
      <dgm:spPr/>
    </dgm:pt>
    <dgm:pt modelId="{027EB51C-9014-4D74-8B07-D1F7A46C6AB4}" type="pres">
      <dgm:prSet presAssocID="{F0F4CF51-EB10-430F-8682-FCDF0A7B4548}" presName="root" presStyleCnt="0">
        <dgm:presLayoutVars>
          <dgm:chMax/>
          <dgm:chPref/>
        </dgm:presLayoutVars>
      </dgm:prSet>
      <dgm:spPr/>
    </dgm:pt>
    <dgm:pt modelId="{5333A6EA-8723-4D63-B225-3511B4765884}" type="pres">
      <dgm:prSet presAssocID="{F0F4CF51-EB10-430F-8682-FCDF0A7B4548}" presName="rootComposite" presStyleCnt="0">
        <dgm:presLayoutVars/>
      </dgm:prSet>
      <dgm:spPr/>
    </dgm:pt>
    <dgm:pt modelId="{1B07B947-D3CF-4DAE-A061-893D70C377E0}" type="pres">
      <dgm:prSet presAssocID="{F0F4CF51-EB10-430F-8682-FCDF0A7B4548}" presName="ParentAccent" presStyleLbl="alignNode1" presStyleIdx="3" presStyleCnt="6"/>
      <dgm:spPr>
        <a:solidFill>
          <a:srgbClr val="03B09C"/>
        </a:solidFill>
        <a:ln>
          <a:solidFill>
            <a:srgbClr val="03B09C"/>
          </a:solidFill>
        </a:ln>
      </dgm:spPr>
    </dgm:pt>
    <dgm:pt modelId="{52F98EF3-5A7A-4DFD-A3F4-0EE43CD96BBC}" type="pres">
      <dgm:prSet presAssocID="{F0F4CF51-EB10-430F-8682-FCDF0A7B4548}" presName="ParentSmallAccent" presStyleLbl="fgAcc1" presStyleIdx="3" presStyleCnt="6"/>
      <dgm:spPr/>
    </dgm:pt>
    <dgm:pt modelId="{9E20F36B-6341-426D-B59E-2DFC0112FF2D}" type="pres">
      <dgm:prSet presAssocID="{F0F4CF51-EB10-430F-8682-FCDF0A7B4548}" presName="Parent" presStyleLbl="revTx" presStyleIdx="9" presStyleCnt="18">
        <dgm:presLayoutVars>
          <dgm:chMax/>
          <dgm:chPref val="4"/>
          <dgm:bulletEnabled val="1"/>
        </dgm:presLayoutVars>
      </dgm:prSet>
      <dgm:spPr/>
    </dgm:pt>
    <dgm:pt modelId="{54FE2B4D-8851-41BD-B645-77C1539D6983}" type="pres">
      <dgm:prSet presAssocID="{F0F4CF51-EB10-430F-8682-FCDF0A7B4548}" presName="childShape" presStyleCnt="0">
        <dgm:presLayoutVars>
          <dgm:chMax val="0"/>
          <dgm:chPref val="0"/>
        </dgm:presLayoutVars>
      </dgm:prSet>
      <dgm:spPr/>
    </dgm:pt>
    <dgm:pt modelId="{E1F5E64A-49FA-40E7-B7F4-2ABEE4AB86C1}" type="pres">
      <dgm:prSet presAssocID="{F6B3A342-680B-4E50-B195-60BF2CBB1E84}" presName="childComposite" presStyleCnt="0">
        <dgm:presLayoutVars>
          <dgm:chMax val="0"/>
          <dgm:chPref val="0"/>
        </dgm:presLayoutVars>
      </dgm:prSet>
      <dgm:spPr/>
    </dgm:pt>
    <dgm:pt modelId="{282AF4DD-8B00-432B-8B68-771FBB908657}" type="pres">
      <dgm:prSet presAssocID="{F6B3A342-680B-4E50-B195-60BF2CBB1E84}" presName="ChildAccent" presStyleLbl="solidFgAcc1" presStyleIdx="6" presStyleCnt="12"/>
      <dgm:spPr/>
    </dgm:pt>
    <dgm:pt modelId="{C6BBC36D-42FC-4F17-8E18-1409E3F023B1}" type="pres">
      <dgm:prSet presAssocID="{F6B3A342-680B-4E50-B195-60BF2CBB1E84}" presName="Child" presStyleLbl="revTx" presStyleIdx="10" presStyleCnt="18">
        <dgm:presLayoutVars>
          <dgm:chMax val="0"/>
          <dgm:chPref val="0"/>
          <dgm:bulletEnabled val="1"/>
        </dgm:presLayoutVars>
      </dgm:prSet>
      <dgm:spPr/>
    </dgm:pt>
    <dgm:pt modelId="{306A3F2E-61DF-4923-8A03-105E63BFC878}" type="pres">
      <dgm:prSet presAssocID="{F866899F-B177-4961-A8FA-045F948761C9}" presName="childComposite" presStyleCnt="0">
        <dgm:presLayoutVars>
          <dgm:chMax val="0"/>
          <dgm:chPref val="0"/>
        </dgm:presLayoutVars>
      </dgm:prSet>
      <dgm:spPr/>
    </dgm:pt>
    <dgm:pt modelId="{A9F6BD8B-4B18-487F-8335-9E442FD73E4A}" type="pres">
      <dgm:prSet presAssocID="{F866899F-B177-4961-A8FA-045F948761C9}" presName="ChildAccent" presStyleLbl="solidFgAcc1" presStyleIdx="7" presStyleCnt="12"/>
      <dgm:spPr/>
    </dgm:pt>
    <dgm:pt modelId="{A5F6C7F3-AD48-49E9-B661-344CDEA556FE}" type="pres">
      <dgm:prSet presAssocID="{F866899F-B177-4961-A8FA-045F948761C9}" presName="Child" presStyleLbl="revTx" presStyleIdx="11" presStyleCnt="18">
        <dgm:presLayoutVars>
          <dgm:chMax val="0"/>
          <dgm:chPref val="0"/>
          <dgm:bulletEnabled val="1"/>
        </dgm:presLayoutVars>
      </dgm:prSet>
      <dgm:spPr/>
    </dgm:pt>
    <dgm:pt modelId="{18D004A4-DF0A-4A8E-826C-33B4C31A0C55}" type="pres">
      <dgm:prSet presAssocID="{6F3915A2-503E-4AA9-977B-14CCDDBA2191}" presName="root" presStyleCnt="0">
        <dgm:presLayoutVars>
          <dgm:chMax/>
          <dgm:chPref/>
        </dgm:presLayoutVars>
      </dgm:prSet>
      <dgm:spPr/>
    </dgm:pt>
    <dgm:pt modelId="{58359E0B-4A6F-4C35-BAFE-7B5ECC30E463}" type="pres">
      <dgm:prSet presAssocID="{6F3915A2-503E-4AA9-977B-14CCDDBA2191}" presName="rootComposite" presStyleCnt="0">
        <dgm:presLayoutVars/>
      </dgm:prSet>
      <dgm:spPr/>
    </dgm:pt>
    <dgm:pt modelId="{B209E7F3-FDB6-4EB3-A817-5B3BAF74196C}" type="pres">
      <dgm:prSet presAssocID="{6F3915A2-503E-4AA9-977B-14CCDDBA2191}" presName="ParentAccent" presStyleLbl="alignNode1" presStyleIdx="4" presStyleCnt="6"/>
      <dgm:spPr/>
    </dgm:pt>
    <dgm:pt modelId="{6E198BF5-6325-4D81-B623-B7D6E5DE4BDF}" type="pres">
      <dgm:prSet presAssocID="{6F3915A2-503E-4AA9-977B-14CCDDBA2191}" presName="ParentSmallAccent" presStyleLbl="fgAcc1" presStyleIdx="4" presStyleCnt="6"/>
      <dgm:spPr/>
    </dgm:pt>
    <dgm:pt modelId="{44A056CE-E694-45B1-A065-0A53C6F74F10}" type="pres">
      <dgm:prSet presAssocID="{6F3915A2-503E-4AA9-977B-14CCDDBA2191}" presName="Parent" presStyleLbl="revTx" presStyleIdx="12" presStyleCnt="18">
        <dgm:presLayoutVars>
          <dgm:chMax/>
          <dgm:chPref val="4"/>
          <dgm:bulletEnabled val="1"/>
        </dgm:presLayoutVars>
      </dgm:prSet>
      <dgm:spPr/>
    </dgm:pt>
    <dgm:pt modelId="{12A89F96-47D1-4401-AB54-78A360ACD309}" type="pres">
      <dgm:prSet presAssocID="{6F3915A2-503E-4AA9-977B-14CCDDBA2191}" presName="childShape" presStyleCnt="0">
        <dgm:presLayoutVars>
          <dgm:chMax val="0"/>
          <dgm:chPref val="0"/>
        </dgm:presLayoutVars>
      </dgm:prSet>
      <dgm:spPr/>
    </dgm:pt>
    <dgm:pt modelId="{6C06380D-07FC-4F6B-937E-FBDED4D29064}" type="pres">
      <dgm:prSet presAssocID="{BB86B34D-8B9A-4B62-AE31-E4780D5A642D}" presName="childComposite" presStyleCnt="0">
        <dgm:presLayoutVars>
          <dgm:chMax val="0"/>
          <dgm:chPref val="0"/>
        </dgm:presLayoutVars>
      </dgm:prSet>
      <dgm:spPr/>
    </dgm:pt>
    <dgm:pt modelId="{56368CF3-CABC-4A09-9AEB-AA780B6EE2FC}" type="pres">
      <dgm:prSet presAssocID="{BB86B34D-8B9A-4B62-AE31-E4780D5A642D}" presName="ChildAccent" presStyleLbl="solidFgAcc1" presStyleIdx="8" presStyleCnt="12"/>
      <dgm:spPr/>
    </dgm:pt>
    <dgm:pt modelId="{AAFDA121-1ACC-4906-AEDD-153FABAF7BB2}" type="pres">
      <dgm:prSet presAssocID="{BB86B34D-8B9A-4B62-AE31-E4780D5A642D}" presName="Child" presStyleLbl="revTx" presStyleIdx="13" presStyleCnt="18">
        <dgm:presLayoutVars>
          <dgm:chMax val="0"/>
          <dgm:chPref val="0"/>
          <dgm:bulletEnabled val="1"/>
        </dgm:presLayoutVars>
      </dgm:prSet>
      <dgm:spPr/>
    </dgm:pt>
    <dgm:pt modelId="{40BC9BEB-BFF1-481A-ACAA-5E5DF95F2A71}" type="pres">
      <dgm:prSet presAssocID="{DC8C18C5-125A-40E5-B6E8-FEB9FB2D4F92}" presName="childComposite" presStyleCnt="0">
        <dgm:presLayoutVars>
          <dgm:chMax val="0"/>
          <dgm:chPref val="0"/>
        </dgm:presLayoutVars>
      </dgm:prSet>
      <dgm:spPr/>
    </dgm:pt>
    <dgm:pt modelId="{642CB178-6419-4151-BE4E-A14EB319B66A}" type="pres">
      <dgm:prSet presAssocID="{DC8C18C5-125A-40E5-B6E8-FEB9FB2D4F92}" presName="ChildAccent" presStyleLbl="solidFgAcc1" presStyleIdx="9" presStyleCnt="12"/>
      <dgm:spPr/>
    </dgm:pt>
    <dgm:pt modelId="{27CC87B9-119F-480D-89E0-9780487D3A73}" type="pres">
      <dgm:prSet presAssocID="{DC8C18C5-125A-40E5-B6E8-FEB9FB2D4F92}" presName="Child" presStyleLbl="revTx" presStyleIdx="14" presStyleCnt="18">
        <dgm:presLayoutVars>
          <dgm:chMax val="0"/>
          <dgm:chPref val="0"/>
          <dgm:bulletEnabled val="1"/>
        </dgm:presLayoutVars>
      </dgm:prSet>
      <dgm:spPr/>
    </dgm:pt>
    <dgm:pt modelId="{77938DAA-3FF9-4143-90F0-4702E9ECAF30}" type="pres">
      <dgm:prSet presAssocID="{657BD286-0FB4-4BB9-A2CB-D5E5285E189D}" presName="root" presStyleCnt="0">
        <dgm:presLayoutVars>
          <dgm:chMax/>
          <dgm:chPref/>
        </dgm:presLayoutVars>
      </dgm:prSet>
      <dgm:spPr/>
    </dgm:pt>
    <dgm:pt modelId="{99730FBD-8DFE-4939-8FA5-40F753D3EA9E}" type="pres">
      <dgm:prSet presAssocID="{657BD286-0FB4-4BB9-A2CB-D5E5285E189D}" presName="rootComposite" presStyleCnt="0">
        <dgm:presLayoutVars/>
      </dgm:prSet>
      <dgm:spPr/>
    </dgm:pt>
    <dgm:pt modelId="{C5F7205A-032D-4532-A0E3-1F9ABF4BEDD1}" type="pres">
      <dgm:prSet presAssocID="{657BD286-0FB4-4BB9-A2CB-D5E5285E189D}" presName="ParentAccent" presStyleLbl="alignNode1" presStyleIdx="5" presStyleCnt="6"/>
      <dgm:spPr/>
    </dgm:pt>
    <dgm:pt modelId="{29B086D5-C353-4D03-A862-04281005198F}" type="pres">
      <dgm:prSet presAssocID="{657BD286-0FB4-4BB9-A2CB-D5E5285E189D}" presName="ParentSmallAccent" presStyleLbl="fgAcc1" presStyleIdx="5" presStyleCnt="6"/>
      <dgm:spPr/>
    </dgm:pt>
    <dgm:pt modelId="{B7CFF7CE-3DF7-41B7-AC19-9614DA5CDA92}" type="pres">
      <dgm:prSet presAssocID="{657BD286-0FB4-4BB9-A2CB-D5E5285E189D}" presName="Parent" presStyleLbl="revTx" presStyleIdx="15" presStyleCnt="18">
        <dgm:presLayoutVars>
          <dgm:chMax/>
          <dgm:chPref val="4"/>
          <dgm:bulletEnabled val="1"/>
        </dgm:presLayoutVars>
      </dgm:prSet>
      <dgm:spPr/>
    </dgm:pt>
    <dgm:pt modelId="{02207172-E0FE-454F-BF8E-63724EC2A041}" type="pres">
      <dgm:prSet presAssocID="{657BD286-0FB4-4BB9-A2CB-D5E5285E189D}" presName="childShape" presStyleCnt="0">
        <dgm:presLayoutVars>
          <dgm:chMax val="0"/>
          <dgm:chPref val="0"/>
        </dgm:presLayoutVars>
      </dgm:prSet>
      <dgm:spPr/>
    </dgm:pt>
    <dgm:pt modelId="{D7634023-F874-4194-B4C7-821D7AA21948}" type="pres">
      <dgm:prSet presAssocID="{C46E0576-FFE5-46B3-965D-1168FE5C45BC}" presName="childComposite" presStyleCnt="0">
        <dgm:presLayoutVars>
          <dgm:chMax val="0"/>
          <dgm:chPref val="0"/>
        </dgm:presLayoutVars>
      </dgm:prSet>
      <dgm:spPr/>
    </dgm:pt>
    <dgm:pt modelId="{06A83F06-3B38-452E-9D45-B1C9A65CFA03}" type="pres">
      <dgm:prSet presAssocID="{C46E0576-FFE5-46B3-965D-1168FE5C45BC}" presName="ChildAccent" presStyleLbl="solidFgAcc1" presStyleIdx="10" presStyleCnt="12"/>
      <dgm:spPr/>
    </dgm:pt>
    <dgm:pt modelId="{AA37C5C7-E8CE-40EC-B0E7-CA0C6B918021}" type="pres">
      <dgm:prSet presAssocID="{C46E0576-FFE5-46B3-965D-1168FE5C45BC}" presName="Child" presStyleLbl="revTx" presStyleIdx="16" presStyleCnt="18">
        <dgm:presLayoutVars>
          <dgm:chMax val="0"/>
          <dgm:chPref val="0"/>
          <dgm:bulletEnabled val="1"/>
        </dgm:presLayoutVars>
      </dgm:prSet>
      <dgm:spPr/>
    </dgm:pt>
    <dgm:pt modelId="{FE047E28-8882-4467-B6AE-0A948F2F4E99}" type="pres">
      <dgm:prSet presAssocID="{B3D50A51-41F1-4DA9-9E1A-D3A0DC40A93C}" presName="childComposite" presStyleCnt="0">
        <dgm:presLayoutVars>
          <dgm:chMax val="0"/>
          <dgm:chPref val="0"/>
        </dgm:presLayoutVars>
      </dgm:prSet>
      <dgm:spPr/>
    </dgm:pt>
    <dgm:pt modelId="{8CA2C0A5-E700-464D-954E-87818AD0406C}" type="pres">
      <dgm:prSet presAssocID="{B3D50A51-41F1-4DA9-9E1A-D3A0DC40A93C}" presName="ChildAccent" presStyleLbl="solidFgAcc1" presStyleIdx="11" presStyleCnt="12"/>
      <dgm:spPr/>
    </dgm:pt>
    <dgm:pt modelId="{A6CB876D-3CB7-4B1C-B24A-8358D079138D}" type="pres">
      <dgm:prSet presAssocID="{B3D50A51-41F1-4DA9-9E1A-D3A0DC40A93C}" presName="Child" presStyleLbl="revTx" presStyleIdx="17" presStyleCnt="18">
        <dgm:presLayoutVars>
          <dgm:chMax val="0"/>
          <dgm:chPref val="0"/>
          <dgm:bulletEnabled val="1"/>
        </dgm:presLayoutVars>
      </dgm:prSet>
      <dgm:spPr/>
    </dgm:pt>
  </dgm:ptLst>
  <dgm:cxnLst>
    <dgm:cxn modelId="{3704E300-AD2D-4795-95A0-1C186F24FC15}" type="presOf" srcId="{0FF9BCA3-165C-4BC0-80E5-4B5EF89BFB7D}" destId="{A0E8BF3F-8ED2-4EE6-93FA-E15DEA01C2A1}" srcOrd="0" destOrd="0" presId="urn:microsoft.com/office/officeart/2008/layout/SquareAccentList"/>
    <dgm:cxn modelId="{4C221506-55F4-4397-A7CC-35CBB68BEFBB}" type="presOf" srcId="{F866899F-B177-4961-A8FA-045F948761C9}" destId="{A5F6C7F3-AD48-49E9-B661-344CDEA556FE}" srcOrd="0" destOrd="0" presId="urn:microsoft.com/office/officeart/2008/layout/SquareAccentList"/>
    <dgm:cxn modelId="{AA42CE06-E5D2-46C2-A201-646F8DF9533D}" srcId="{9E2033D5-F635-4215-96FB-F145B6B9844E}" destId="{0FF9BCA3-165C-4BC0-80E5-4B5EF89BFB7D}" srcOrd="0" destOrd="0" parTransId="{C502B687-2174-4461-ABC2-84B986766BED}" sibTransId="{F657C0B0-E9F0-4118-A18B-C4A4E578DF98}"/>
    <dgm:cxn modelId="{5186370E-15EF-43C7-8164-F8BF882C665E}" type="presOf" srcId="{8AE744FF-4AC5-40AE-A5A3-850A9F900079}" destId="{54150E8D-F63B-4280-A7E9-843945D84885}" srcOrd="0" destOrd="0" presId="urn:microsoft.com/office/officeart/2008/layout/SquareAccentList"/>
    <dgm:cxn modelId="{992E4911-9958-48B2-A310-9423326489DB}" type="presOf" srcId="{F0F4CF51-EB10-430F-8682-FCDF0A7B4548}" destId="{9E20F36B-6341-426D-B59E-2DFC0112FF2D}" srcOrd="0" destOrd="0" presId="urn:microsoft.com/office/officeart/2008/layout/SquareAccentList"/>
    <dgm:cxn modelId="{025C3F12-D615-4734-A889-E437F2C8ED83}" srcId="{41DF8973-FB93-47C3-85F5-C019172A92BD}" destId="{845C2A4F-702E-45BE-B91E-411FF7E3821B}" srcOrd="1" destOrd="0" parTransId="{95478448-B001-46B8-BF4E-9D807D47FD69}" sibTransId="{AF1364E3-5B73-4758-9545-F6AB3759CA10}"/>
    <dgm:cxn modelId="{9396E120-2D8E-4957-9651-2593D5087975}" srcId="{F0F4CF51-EB10-430F-8682-FCDF0A7B4548}" destId="{F6B3A342-680B-4E50-B195-60BF2CBB1E84}" srcOrd="0" destOrd="0" parTransId="{A6AE79C2-4A59-4593-82B3-EB5F4C7FB417}" sibTransId="{711DEA9F-55F1-402E-A07A-121B4640D6A8}"/>
    <dgm:cxn modelId="{A638BA21-4D5B-4D59-9026-CFC3D5EED30A}" srcId="{CBCC504F-0FAB-487F-876D-E929F8569590}" destId="{6F3915A2-503E-4AA9-977B-14CCDDBA2191}" srcOrd="4" destOrd="0" parTransId="{6E1812AB-ACE3-4C91-B467-A71144294EB5}" sibTransId="{0E2D1E7B-A8C3-44A9-A74B-E6F9FEC407D6}"/>
    <dgm:cxn modelId="{828EC921-520E-4060-8D91-B146BC415BE6}" srcId="{6F3915A2-503E-4AA9-977B-14CCDDBA2191}" destId="{BB86B34D-8B9A-4B62-AE31-E4780D5A642D}" srcOrd="0" destOrd="0" parTransId="{C4D2D567-9FF9-4E0B-BF78-B08765339667}" sibTransId="{12E22864-AB9D-4C6D-98C8-3D820EF3852B}"/>
    <dgm:cxn modelId="{9B27EA22-9D30-467F-9375-28075ADE59F5}" type="presOf" srcId="{C46E0576-FFE5-46B3-965D-1168FE5C45BC}" destId="{AA37C5C7-E8CE-40EC-B0E7-CA0C6B918021}" srcOrd="0" destOrd="0" presId="urn:microsoft.com/office/officeart/2008/layout/SquareAccentList"/>
    <dgm:cxn modelId="{ED0F0628-A083-4DA7-8026-6C72AF6DCC3C}" srcId="{6F3915A2-503E-4AA9-977B-14CCDDBA2191}" destId="{DC8C18C5-125A-40E5-B6E8-FEB9FB2D4F92}" srcOrd="1" destOrd="0" parTransId="{87C87CF4-5E7B-42AF-A91D-A39C0A298A4A}" sibTransId="{B7C9E7F9-D8F3-4419-BE72-299993D2C3FD}"/>
    <dgm:cxn modelId="{C391FA34-7B1A-4226-9D01-8A210D2B6E5D}" type="presOf" srcId="{B3D50A51-41F1-4DA9-9E1A-D3A0DC40A93C}" destId="{A6CB876D-3CB7-4B1C-B24A-8358D079138D}" srcOrd="0" destOrd="0" presId="urn:microsoft.com/office/officeart/2008/layout/SquareAccentList"/>
    <dgm:cxn modelId="{1D2C1E37-9339-4126-BB64-354867DED727}" type="presOf" srcId="{CBCC504F-0FAB-487F-876D-E929F8569590}" destId="{A599F635-F6F1-4B6C-8F85-CE3966A9A3D7}" srcOrd="0" destOrd="0" presId="urn:microsoft.com/office/officeart/2008/layout/SquareAccentList"/>
    <dgm:cxn modelId="{B4650A3A-C743-4BB1-B97E-B06B1FB1820F}" srcId="{F0F4CF51-EB10-430F-8682-FCDF0A7B4548}" destId="{F866899F-B177-4961-A8FA-045F948761C9}" srcOrd="1" destOrd="0" parTransId="{43D14D20-6011-464E-B4D5-023BBA0629A8}" sibTransId="{94A69576-2B2C-4401-B23B-3D2BEDCCD034}"/>
    <dgm:cxn modelId="{BC0E3063-B43F-4973-9C20-3934B48C8CC8}" srcId="{41DF8973-FB93-47C3-85F5-C019172A92BD}" destId="{8AE744FF-4AC5-40AE-A5A3-850A9F900079}" srcOrd="0" destOrd="0" parTransId="{DD3568E7-D119-4359-B9C8-09FAA7EE1C9B}" sibTransId="{6943A720-1CD2-48DF-994D-FCF6C0E69039}"/>
    <dgm:cxn modelId="{BB8BFF46-8A67-4938-8DC5-0B6EC5C3D341}" srcId="{CBCC504F-0FAB-487F-876D-E929F8569590}" destId="{BBFAD4F7-7A42-458B-9CCE-AE2455D9FB57}" srcOrd="2" destOrd="0" parTransId="{3B0F0792-B36D-4E15-99CD-C83452BB41C3}" sibTransId="{1805E9EA-2536-4F7E-83BE-23F8493324CE}"/>
    <dgm:cxn modelId="{6B0E8268-B364-4227-9832-3B2AEA688A76}" type="presOf" srcId="{7E080A7D-863D-4A7B-8131-1D11D254A7C3}" destId="{A29E1ABD-38E9-4122-AB5D-E3B382E53D91}" srcOrd="0" destOrd="0" presId="urn:microsoft.com/office/officeart/2008/layout/SquareAccentList"/>
    <dgm:cxn modelId="{DF3F464B-70A4-45DE-8921-03E030BC1ECE}" srcId="{BBFAD4F7-7A42-458B-9CCE-AE2455D9FB57}" destId="{14BF2279-413B-4801-817A-3168EFE61214}" srcOrd="1" destOrd="0" parTransId="{870DB1E7-045F-478E-A187-B0DD32616ADC}" sibTransId="{A80EB7F8-8F9C-44C0-9293-FB4E048393A9}"/>
    <dgm:cxn modelId="{2B79A650-8B16-422B-ADA2-D04F8A636ED2}" type="presOf" srcId="{CA5B398A-0427-45CA-A9ED-999768261E2D}" destId="{C08B10B3-4157-473A-87B3-19042EBC2BE8}" srcOrd="0" destOrd="0" presId="urn:microsoft.com/office/officeart/2008/layout/SquareAccentList"/>
    <dgm:cxn modelId="{99D7CE50-DAB3-4ADF-B843-D5B2B1F79D48}" srcId="{657BD286-0FB4-4BB9-A2CB-D5E5285E189D}" destId="{B3D50A51-41F1-4DA9-9E1A-D3A0DC40A93C}" srcOrd="1" destOrd="0" parTransId="{64BD9596-EC9D-4093-91A6-00DF0CE4225C}" sibTransId="{725F5716-1D6C-4A1A-9CFE-B53C452EA1A3}"/>
    <dgm:cxn modelId="{9A5F5773-9667-413E-884E-70FBE34E7A2D}" type="presOf" srcId="{DC8C18C5-125A-40E5-B6E8-FEB9FB2D4F92}" destId="{27CC87B9-119F-480D-89E0-9780487D3A73}" srcOrd="0" destOrd="0" presId="urn:microsoft.com/office/officeart/2008/layout/SquareAccentList"/>
    <dgm:cxn modelId="{CCD9DE78-106C-4659-9A72-9455BB81FC1F}" srcId="{657BD286-0FB4-4BB9-A2CB-D5E5285E189D}" destId="{C46E0576-FFE5-46B3-965D-1168FE5C45BC}" srcOrd="0" destOrd="0" parTransId="{A3C347DE-5596-41AC-B5E6-A3B94E29680C}" sibTransId="{726A21A3-C687-42DE-83B8-3E93D6140F9B}"/>
    <dgm:cxn modelId="{EB40E17C-F0B8-4C39-A271-0D8A41B36C0E}" srcId="{CBCC504F-0FAB-487F-876D-E929F8569590}" destId="{9E2033D5-F635-4215-96FB-F145B6B9844E}" srcOrd="0" destOrd="0" parTransId="{89ACCFF9-38F4-4B4A-BE09-9E4EFE75CE68}" sibTransId="{7C014077-7B55-4E6F-84BC-C8E3732C7C22}"/>
    <dgm:cxn modelId="{EDFE3383-E28A-4727-AB3E-91736B672FEA}" srcId="{CBCC504F-0FAB-487F-876D-E929F8569590}" destId="{657BD286-0FB4-4BB9-A2CB-D5E5285E189D}" srcOrd="5" destOrd="0" parTransId="{4C059D3B-2369-4C6B-ADFB-63180E77BB7D}" sibTransId="{694448DA-6033-40E7-B882-D0E238EA2853}"/>
    <dgm:cxn modelId="{183DD78D-4000-4E3C-A537-E185A3734451}" srcId="{9E2033D5-F635-4215-96FB-F145B6B9844E}" destId="{CA5B398A-0427-45CA-A9ED-999768261E2D}" srcOrd="1" destOrd="0" parTransId="{35F83DFD-121E-4B14-BEA7-04BB43F85948}" sibTransId="{93B68C54-50D7-4A05-ABDE-F5224031F682}"/>
    <dgm:cxn modelId="{7D3187A3-4D3D-416A-A84E-23946AFE1E45}" type="presOf" srcId="{9E2033D5-F635-4215-96FB-F145B6B9844E}" destId="{0FB009D7-0D00-48D7-9705-0CE6B3B55410}" srcOrd="0" destOrd="0" presId="urn:microsoft.com/office/officeart/2008/layout/SquareAccentList"/>
    <dgm:cxn modelId="{E92361A4-7CBB-4575-9AB7-356A863AEA30}" type="presOf" srcId="{14BF2279-413B-4801-817A-3168EFE61214}" destId="{7BD8F459-D983-443D-B72E-0D697FF2C955}" srcOrd="0" destOrd="0" presId="urn:microsoft.com/office/officeart/2008/layout/SquareAccentList"/>
    <dgm:cxn modelId="{734352AA-CDE4-4131-8CD3-5C859769F42A}" type="presOf" srcId="{6F3915A2-503E-4AA9-977B-14CCDDBA2191}" destId="{44A056CE-E694-45B1-A065-0A53C6F74F10}" srcOrd="0" destOrd="0" presId="urn:microsoft.com/office/officeart/2008/layout/SquareAccentList"/>
    <dgm:cxn modelId="{3CE7F1AD-3851-4D3A-A2CB-ABAB17954F5E}" type="presOf" srcId="{845C2A4F-702E-45BE-B91E-411FF7E3821B}" destId="{2097BE7D-1331-4798-999D-E10BE3BA20E1}" srcOrd="0" destOrd="0" presId="urn:microsoft.com/office/officeart/2008/layout/SquareAccentList"/>
    <dgm:cxn modelId="{5D43CFAF-E968-466D-A760-530556458080}" type="presOf" srcId="{BBFAD4F7-7A42-458B-9CCE-AE2455D9FB57}" destId="{DA6639BF-064B-442E-A6A2-7D5B443B69B3}" srcOrd="0" destOrd="0" presId="urn:microsoft.com/office/officeart/2008/layout/SquareAccentList"/>
    <dgm:cxn modelId="{17805DC0-87A6-422C-8A5D-D96BA31E2466}" srcId="{CBCC504F-0FAB-487F-876D-E929F8569590}" destId="{41DF8973-FB93-47C3-85F5-C019172A92BD}" srcOrd="1" destOrd="0" parTransId="{13360191-42C9-481B-B781-AA39990417AC}" sibTransId="{3D2B7D01-A080-4F3E-A510-B96A9A8E3E61}"/>
    <dgm:cxn modelId="{FEA880C3-3CED-4245-A9E5-72D78398D71E}" srcId="{CBCC504F-0FAB-487F-876D-E929F8569590}" destId="{F0F4CF51-EB10-430F-8682-FCDF0A7B4548}" srcOrd="3" destOrd="0" parTransId="{8BFB1482-2250-4E86-9297-43274DA2C978}" sibTransId="{AFA69A39-E1C8-426E-839F-972C7AE16211}"/>
    <dgm:cxn modelId="{1D72F1C5-3113-407D-96A2-3BEECAA239C8}" srcId="{BBFAD4F7-7A42-458B-9CCE-AE2455D9FB57}" destId="{7E080A7D-863D-4A7B-8131-1D11D254A7C3}" srcOrd="0" destOrd="0" parTransId="{437472BB-FA4B-4F9F-9A2E-2218712CDCC1}" sibTransId="{37FF4EDF-E762-4083-83DC-4975C181565C}"/>
    <dgm:cxn modelId="{203B5AEB-948B-4970-8229-F77AB34E6B6C}" type="presOf" srcId="{657BD286-0FB4-4BB9-A2CB-D5E5285E189D}" destId="{B7CFF7CE-3DF7-41B7-AC19-9614DA5CDA92}" srcOrd="0" destOrd="0" presId="urn:microsoft.com/office/officeart/2008/layout/SquareAccentList"/>
    <dgm:cxn modelId="{21222DEE-C460-43F0-BBF0-1C3764E41573}" type="presOf" srcId="{41DF8973-FB93-47C3-85F5-C019172A92BD}" destId="{2E82E7FE-7CBE-4681-BB8E-03781C74E3A9}" srcOrd="0" destOrd="0" presId="urn:microsoft.com/office/officeart/2008/layout/SquareAccentList"/>
    <dgm:cxn modelId="{B6798CEE-339D-4495-8852-58423ED3118C}" type="presOf" srcId="{F6B3A342-680B-4E50-B195-60BF2CBB1E84}" destId="{C6BBC36D-42FC-4F17-8E18-1409E3F023B1}" srcOrd="0" destOrd="0" presId="urn:microsoft.com/office/officeart/2008/layout/SquareAccentList"/>
    <dgm:cxn modelId="{872ADCF6-3613-4649-9DB7-2777997A37CD}" type="presOf" srcId="{BB86B34D-8B9A-4B62-AE31-E4780D5A642D}" destId="{AAFDA121-1ACC-4906-AEDD-153FABAF7BB2}" srcOrd="0" destOrd="0" presId="urn:microsoft.com/office/officeart/2008/layout/SquareAccentList"/>
    <dgm:cxn modelId="{4552B9B9-175F-416E-991D-FB434B23FEB8}" type="presParOf" srcId="{A599F635-F6F1-4B6C-8F85-CE3966A9A3D7}" destId="{473EC83D-3203-465C-8AE4-248D3B4B96DD}" srcOrd="0" destOrd="0" presId="urn:microsoft.com/office/officeart/2008/layout/SquareAccentList"/>
    <dgm:cxn modelId="{099F1595-E5F8-4DAE-8046-09537E009609}" type="presParOf" srcId="{473EC83D-3203-465C-8AE4-248D3B4B96DD}" destId="{09FA022E-00BE-4B78-8797-A3F21DFF0444}" srcOrd="0" destOrd="0" presId="urn:microsoft.com/office/officeart/2008/layout/SquareAccentList"/>
    <dgm:cxn modelId="{8E3C404F-BF38-4682-B1FF-FB19A224E3FB}" type="presParOf" srcId="{09FA022E-00BE-4B78-8797-A3F21DFF0444}" destId="{174BB2E2-1A2C-4369-B34D-EDD0E3CF3C24}" srcOrd="0" destOrd="0" presId="urn:microsoft.com/office/officeart/2008/layout/SquareAccentList"/>
    <dgm:cxn modelId="{E4DBA06D-2A64-4596-84D3-AAABD60506B3}" type="presParOf" srcId="{09FA022E-00BE-4B78-8797-A3F21DFF0444}" destId="{26289473-1970-40FD-ABD8-3BC05B1708A3}" srcOrd="1" destOrd="0" presId="urn:microsoft.com/office/officeart/2008/layout/SquareAccentList"/>
    <dgm:cxn modelId="{3872159C-00C0-4A90-8966-F09638690117}" type="presParOf" srcId="{09FA022E-00BE-4B78-8797-A3F21DFF0444}" destId="{0FB009D7-0D00-48D7-9705-0CE6B3B55410}" srcOrd="2" destOrd="0" presId="urn:microsoft.com/office/officeart/2008/layout/SquareAccentList"/>
    <dgm:cxn modelId="{5A8C7A21-1A70-42A3-B996-B247A1CA6775}" type="presParOf" srcId="{473EC83D-3203-465C-8AE4-248D3B4B96DD}" destId="{E346B8BA-EE07-4C2B-9C19-F3C500ACF940}" srcOrd="1" destOrd="0" presId="urn:microsoft.com/office/officeart/2008/layout/SquareAccentList"/>
    <dgm:cxn modelId="{06F222E6-F6E3-4907-818C-EADB4000EC6F}" type="presParOf" srcId="{E346B8BA-EE07-4C2B-9C19-F3C500ACF940}" destId="{24302DE6-78BE-43FF-AE9B-A56EA5CEBFE2}" srcOrd="0" destOrd="0" presId="urn:microsoft.com/office/officeart/2008/layout/SquareAccentList"/>
    <dgm:cxn modelId="{1CD1F0C9-BB33-4AF5-9220-89338B01B347}" type="presParOf" srcId="{24302DE6-78BE-43FF-AE9B-A56EA5CEBFE2}" destId="{05B89CAE-50E4-4C34-8A53-0BB8ECD59584}" srcOrd="0" destOrd="0" presId="urn:microsoft.com/office/officeart/2008/layout/SquareAccentList"/>
    <dgm:cxn modelId="{1CC6C178-3384-4D2C-9042-F55404D54CFA}" type="presParOf" srcId="{24302DE6-78BE-43FF-AE9B-A56EA5CEBFE2}" destId="{A0E8BF3F-8ED2-4EE6-93FA-E15DEA01C2A1}" srcOrd="1" destOrd="0" presId="urn:microsoft.com/office/officeart/2008/layout/SquareAccentList"/>
    <dgm:cxn modelId="{9840C795-DEB2-4994-A64C-65C21A57E367}" type="presParOf" srcId="{E346B8BA-EE07-4C2B-9C19-F3C500ACF940}" destId="{BFB3C2D2-1CC0-4CDF-9837-76D5BFCDBE58}" srcOrd="1" destOrd="0" presId="urn:microsoft.com/office/officeart/2008/layout/SquareAccentList"/>
    <dgm:cxn modelId="{15E3C5A4-BD38-4567-8133-675EEF6EBCF3}" type="presParOf" srcId="{BFB3C2D2-1CC0-4CDF-9837-76D5BFCDBE58}" destId="{AAF74BA7-AACB-4FB3-BF7C-A6442E3FAC1D}" srcOrd="0" destOrd="0" presId="urn:microsoft.com/office/officeart/2008/layout/SquareAccentList"/>
    <dgm:cxn modelId="{16E74405-2907-4B03-9F7D-1B10FB6B6449}" type="presParOf" srcId="{BFB3C2D2-1CC0-4CDF-9837-76D5BFCDBE58}" destId="{C08B10B3-4157-473A-87B3-19042EBC2BE8}" srcOrd="1" destOrd="0" presId="urn:microsoft.com/office/officeart/2008/layout/SquareAccentList"/>
    <dgm:cxn modelId="{24C64595-FE21-4DC8-9BD9-FB252801A886}" type="presParOf" srcId="{A599F635-F6F1-4B6C-8F85-CE3966A9A3D7}" destId="{0C84703F-58D5-4634-A678-49CD320980BC}" srcOrd="1" destOrd="0" presId="urn:microsoft.com/office/officeart/2008/layout/SquareAccentList"/>
    <dgm:cxn modelId="{84FAF4AE-AFD3-4535-9D7E-2E48551D6877}" type="presParOf" srcId="{0C84703F-58D5-4634-A678-49CD320980BC}" destId="{58E630FE-B2FB-45F1-B0EC-25CA4BA68912}" srcOrd="0" destOrd="0" presId="urn:microsoft.com/office/officeart/2008/layout/SquareAccentList"/>
    <dgm:cxn modelId="{D3CB0130-D38D-4C53-BA5A-D3C461A9A739}" type="presParOf" srcId="{58E630FE-B2FB-45F1-B0EC-25CA4BA68912}" destId="{3052B30D-387A-4F2E-98A9-5CF41C027005}" srcOrd="0" destOrd="0" presId="urn:microsoft.com/office/officeart/2008/layout/SquareAccentList"/>
    <dgm:cxn modelId="{6623A570-1CFE-48BF-9550-E0158FC47C5D}" type="presParOf" srcId="{58E630FE-B2FB-45F1-B0EC-25CA4BA68912}" destId="{44448B12-9AD1-45BC-95D9-0BAA820F162B}" srcOrd="1" destOrd="0" presId="urn:microsoft.com/office/officeart/2008/layout/SquareAccentList"/>
    <dgm:cxn modelId="{4F1A94A4-21FF-468D-8852-69969A76C198}" type="presParOf" srcId="{58E630FE-B2FB-45F1-B0EC-25CA4BA68912}" destId="{2E82E7FE-7CBE-4681-BB8E-03781C74E3A9}" srcOrd="2" destOrd="0" presId="urn:microsoft.com/office/officeart/2008/layout/SquareAccentList"/>
    <dgm:cxn modelId="{349AFD42-D20B-4851-BC67-C21975D69A14}" type="presParOf" srcId="{0C84703F-58D5-4634-A678-49CD320980BC}" destId="{5A6DFFEA-4E9C-4CC6-B1B7-744ED2517955}" srcOrd="1" destOrd="0" presId="urn:microsoft.com/office/officeart/2008/layout/SquareAccentList"/>
    <dgm:cxn modelId="{1CFE34EB-B33B-4EBA-BE2E-724CBEF135A9}" type="presParOf" srcId="{5A6DFFEA-4E9C-4CC6-B1B7-744ED2517955}" destId="{790A9A0D-CEA4-42FD-BC15-253F8826CA2A}" srcOrd="0" destOrd="0" presId="urn:microsoft.com/office/officeart/2008/layout/SquareAccentList"/>
    <dgm:cxn modelId="{736EAE6E-464C-4141-8790-2BDC354D0D49}" type="presParOf" srcId="{790A9A0D-CEA4-42FD-BC15-253F8826CA2A}" destId="{2D28A931-7B04-4331-8342-A8F0ED7B5ED1}" srcOrd="0" destOrd="0" presId="urn:microsoft.com/office/officeart/2008/layout/SquareAccentList"/>
    <dgm:cxn modelId="{DEBC3339-DD17-4B63-A349-36DD52F8F817}" type="presParOf" srcId="{790A9A0D-CEA4-42FD-BC15-253F8826CA2A}" destId="{54150E8D-F63B-4280-A7E9-843945D84885}" srcOrd="1" destOrd="0" presId="urn:microsoft.com/office/officeart/2008/layout/SquareAccentList"/>
    <dgm:cxn modelId="{8C10727B-362A-494F-A986-8EE005DE3424}" type="presParOf" srcId="{5A6DFFEA-4E9C-4CC6-B1B7-744ED2517955}" destId="{ACA3A276-6531-4CDD-A301-4B97171A5935}" srcOrd="1" destOrd="0" presId="urn:microsoft.com/office/officeart/2008/layout/SquareAccentList"/>
    <dgm:cxn modelId="{A04A55DD-BDC6-4F0D-8074-1FD2187EAE85}" type="presParOf" srcId="{ACA3A276-6531-4CDD-A301-4B97171A5935}" destId="{17FFE0F8-9577-4DF8-A9AA-EC0F3F1F1C00}" srcOrd="0" destOrd="0" presId="urn:microsoft.com/office/officeart/2008/layout/SquareAccentList"/>
    <dgm:cxn modelId="{AF7E71EE-2ED5-49DA-853B-78D19A426F94}" type="presParOf" srcId="{ACA3A276-6531-4CDD-A301-4B97171A5935}" destId="{2097BE7D-1331-4798-999D-E10BE3BA20E1}" srcOrd="1" destOrd="0" presId="urn:microsoft.com/office/officeart/2008/layout/SquareAccentList"/>
    <dgm:cxn modelId="{25012CCF-A861-4C8F-87E5-DFE47AA0CEE9}" type="presParOf" srcId="{A599F635-F6F1-4B6C-8F85-CE3966A9A3D7}" destId="{794BB7B5-400D-4744-8730-F8C4E12B6FD0}" srcOrd="2" destOrd="0" presId="urn:microsoft.com/office/officeart/2008/layout/SquareAccentList"/>
    <dgm:cxn modelId="{5EB7ABB0-BECB-4AC9-9A80-990CF316CFE7}" type="presParOf" srcId="{794BB7B5-400D-4744-8730-F8C4E12B6FD0}" destId="{27138204-0818-4AAA-9EC4-B404990B8EB1}" srcOrd="0" destOrd="0" presId="urn:microsoft.com/office/officeart/2008/layout/SquareAccentList"/>
    <dgm:cxn modelId="{2B52D03C-FCB3-4EF5-81C0-B6285AF30EF4}" type="presParOf" srcId="{27138204-0818-4AAA-9EC4-B404990B8EB1}" destId="{29F28738-C335-4640-979D-C594852104CB}" srcOrd="0" destOrd="0" presId="urn:microsoft.com/office/officeart/2008/layout/SquareAccentList"/>
    <dgm:cxn modelId="{0DCDEDF2-669A-4022-87A5-830663CF102B}" type="presParOf" srcId="{27138204-0818-4AAA-9EC4-B404990B8EB1}" destId="{DAED4ECF-07D2-4B76-A92A-7320938073D3}" srcOrd="1" destOrd="0" presId="urn:microsoft.com/office/officeart/2008/layout/SquareAccentList"/>
    <dgm:cxn modelId="{36F0C342-22BC-4421-9437-898D40132169}" type="presParOf" srcId="{27138204-0818-4AAA-9EC4-B404990B8EB1}" destId="{DA6639BF-064B-442E-A6A2-7D5B443B69B3}" srcOrd="2" destOrd="0" presId="urn:microsoft.com/office/officeart/2008/layout/SquareAccentList"/>
    <dgm:cxn modelId="{A2DE4F59-FEA7-4EBB-933F-DC587D482B4E}" type="presParOf" srcId="{794BB7B5-400D-4744-8730-F8C4E12B6FD0}" destId="{536EFFA3-A096-4A89-98D1-D191CCEC2AB4}" srcOrd="1" destOrd="0" presId="urn:microsoft.com/office/officeart/2008/layout/SquareAccentList"/>
    <dgm:cxn modelId="{315E3F39-68A0-4330-BA6C-9572B6404167}" type="presParOf" srcId="{536EFFA3-A096-4A89-98D1-D191CCEC2AB4}" destId="{90B199F2-73DF-49EA-8ABC-7BFCA4C871AA}" srcOrd="0" destOrd="0" presId="urn:microsoft.com/office/officeart/2008/layout/SquareAccentList"/>
    <dgm:cxn modelId="{3E3DAADA-0AC5-45E5-9BEA-8D44AECB10A4}" type="presParOf" srcId="{90B199F2-73DF-49EA-8ABC-7BFCA4C871AA}" destId="{40C1D052-A0AC-4C34-B7B5-7D01107B3091}" srcOrd="0" destOrd="0" presId="urn:microsoft.com/office/officeart/2008/layout/SquareAccentList"/>
    <dgm:cxn modelId="{8530C124-B2EC-4E40-82E6-310B72891EB7}" type="presParOf" srcId="{90B199F2-73DF-49EA-8ABC-7BFCA4C871AA}" destId="{A29E1ABD-38E9-4122-AB5D-E3B382E53D91}" srcOrd="1" destOrd="0" presId="urn:microsoft.com/office/officeart/2008/layout/SquareAccentList"/>
    <dgm:cxn modelId="{3F5AF16F-B0D1-47A0-8B70-A7336D71BAE8}" type="presParOf" srcId="{536EFFA3-A096-4A89-98D1-D191CCEC2AB4}" destId="{54080F3B-280F-4928-868F-E9086258C30F}" srcOrd="1" destOrd="0" presId="urn:microsoft.com/office/officeart/2008/layout/SquareAccentList"/>
    <dgm:cxn modelId="{C0239B1E-C882-45DA-BEE6-6B6B6704DD49}" type="presParOf" srcId="{54080F3B-280F-4928-868F-E9086258C30F}" destId="{5D88B41A-B852-4216-B824-3DD3D078FBE5}" srcOrd="0" destOrd="0" presId="urn:microsoft.com/office/officeart/2008/layout/SquareAccentList"/>
    <dgm:cxn modelId="{110CF9A8-72D6-4D0F-AC5C-325FAAAB3519}" type="presParOf" srcId="{54080F3B-280F-4928-868F-E9086258C30F}" destId="{7BD8F459-D983-443D-B72E-0D697FF2C955}" srcOrd="1" destOrd="0" presId="urn:microsoft.com/office/officeart/2008/layout/SquareAccentList"/>
    <dgm:cxn modelId="{4851AE7B-2870-439D-891B-008839F62E26}" type="presParOf" srcId="{A599F635-F6F1-4B6C-8F85-CE3966A9A3D7}" destId="{027EB51C-9014-4D74-8B07-D1F7A46C6AB4}" srcOrd="3" destOrd="0" presId="urn:microsoft.com/office/officeart/2008/layout/SquareAccentList"/>
    <dgm:cxn modelId="{468D2BF7-554F-473A-A27B-60929C589ABE}" type="presParOf" srcId="{027EB51C-9014-4D74-8B07-D1F7A46C6AB4}" destId="{5333A6EA-8723-4D63-B225-3511B4765884}" srcOrd="0" destOrd="0" presId="urn:microsoft.com/office/officeart/2008/layout/SquareAccentList"/>
    <dgm:cxn modelId="{779CC467-1F5A-4890-B389-E5888949BA33}" type="presParOf" srcId="{5333A6EA-8723-4D63-B225-3511B4765884}" destId="{1B07B947-D3CF-4DAE-A061-893D70C377E0}" srcOrd="0" destOrd="0" presId="urn:microsoft.com/office/officeart/2008/layout/SquareAccentList"/>
    <dgm:cxn modelId="{220A4811-EAAF-4C93-8DC2-2187B07ECF0A}" type="presParOf" srcId="{5333A6EA-8723-4D63-B225-3511B4765884}" destId="{52F98EF3-5A7A-4DFD-A3F4-0EE43CD96BBC}" srcOrd="1" destOrd="0" presId="urn:microsoft.com/office/officeart/2008/layout/SquareAccentList"/>
    <dgm:cxn modelId="{51C2C362-491B-4A9F-AF6D-9F9A94203B05}" type="presParOf" srcId="{5333A6EA-8723-4D63-B225-3511B4765884}" destId="{9E20F36B-6341-426D-B59E-2DFC0112FF2D}" srcOrd="2" destOrd="0" presId="urn:microsoft.com/office/officeart/2008/layout/SquareAccentList"/>
    <dgm:cxn modelId="{CE30ECF5-69B9-44CE-8F27-906BFDF15A71}" type="presParOf" srcId="{027EB51C-9014-4D74-8B07-D1F7A46C6AB4}" destId="{54FE2B4D-8851-41BD-B645-77C1539D6983}" srcOrd="1" destOrd="0" presId="urn:microsoft.com/office/officeart/2008/layout/SquareAccentList"/>
    <dgm:cxn modelId="{5925B306-5F6B-42FF-BB61-1F4D40558231}" type="presParOf" srcId="{54FE2B4D-8851-41BD-B645-77C1539D6983}" destId="{E1F5E64A-49FA-40E7-B7F4-2ABEE4AB86C1}" srcOrd="0" destOrd="0" presId="urn:microsoft.com/office/officeart/2008/layout/SquareAccentList"/>
    <dgm:cxn modelId="{CF0815B5-E9EE-45C6-904F-353FEFBFEB23}" type="presParOf" srcId="{E1F5E64A-49FA-40E7-B7F4-2ABEE4AB86C1}" destId="{282AF4DD-8B00-432B-8B68-771FBB908657}" srcOrd="0" destOrd="0" presId="urn:microsoft.com/office/officeart/2008/layout/SquareAccentList"/>
    <dgm:cxn modelId="{DCDF0A23-40C3-4C5A-B195-74B04E4A0577}" type="presParOf" srcId="{E1F5E64A-49FA-40E7-B7F4-2ABEE4AB86C1}" destId="{C6BBC36D-42FC-4F17-8E18-1409E3F023B1}" srcOrd="1" destOrd="0" presId="urn:microsoft.com/office/officeart/2008/layout/SquareAccentList"/>
    <dgm:cxn modelId="{B530223A-F24D-4109-ACB3-8294E74A83CE}" type="presParOf" srcId="{54FE2B4D-8851-41BD-B645-77C1539D6983}" destId="{306A3F2E-61DF-4923-8A03-105E63BFC878}" srcOrd="1" destOrd="0" presId="urn:microsoft.com/office/officeart/2008/layout/SquareAccentList"/>
    <dgm:cxn modelId="{34B3D391-CE2F-44B9-9426-D865362116F3}" type="presParOf" srcId="{306A3F2E-61DF-4923-8A03-105E63BFC878}" destId="{A9F6BD8B-4B18-487F-8335-9E442FD73E4A}" srcOrd="0" destOrd="0" presId="urn:microsoft.com/office/officeart/2008/layout/SquareAccentList"/>
    <dgm:cxn modelId="{7E5C7AAF-92F9-447B-B895-E03D12E9ADD9}" type="presParOf" srcId="{306A3F2E-61DF-4923-8A03-105E63BFC878}" destId="{A5F6C7F3-AD48-49E9-B661-344CDEA556FE}" srcOrd="1" destOrd="0" presId="urn:microsoft.com/office/officeart/2008/layout/SquareAccentList"/>
    <dgm:cxn modelId="{9B662738-47AF-4D6B-9B89-62307574D77A}" type="presParOf" srcId="{A599F635-F6F1-4B6C-8F85-CE3966A9A3D7}" destId="{18D004A4-DF0A-4A8E-826C-33B4C31A0C55}" srcOrd="4" destOrd="0" presId="urn:microsoft.com/office/officeart/2008/layout/SquareAccentList"/>
    <dgm:cxn modelId="{790753C3-239B-4548-8003-A3F9209ED8EC}" type="presParOf" srcId="{18D004A4-DF0A-4A8E-826C-33B4C31A0C55}" destId="{58359E0B-4A6F-4C35-BAFE-7B5ECC30E463}" srcOrd="0" destOrd="0" presId="urn:microsoft.com/office/officeart/2008/layout/SquareAccentList"/>
    <dgm:cxn modelId="{2E53EB16-681C-49A6-A8C0-BEEC162B0ACB}" type="presParOf" srcId="{58359E0B-4A6F-4C35-BAFE-7B5ECC30E463}" destId="{B209E7F3-FDB6-4EB3-A817-5B3BAF74196C}" srcOrd="0" destOrd="0" presId="urn:microsoft.com/office/officeart/2008/layout/SquareAccentList"/>
    <dgm:cxn modelId="{CE488FCF-1803-419D-99D5-492C3F0C04C3}" type="presParOf" srcId="{58359E0B-4A6F-4C35-BAFE-7B5ECC30E463}" destId="{6E198BF5-6325-4D81-B623-B7D6E5DE4BDF}" srcOrd="1" destOrd="0" presId="urn:microsoft.com/office/officeart/2008/layout/SquareAccentList"/>
    <dgm:cxn modelId="{425CCB9D-7F36-461E-A619-27B9E5EF3833}" type="presParOf" srcId="{58359E0B-4A6F-4C35-BAFE-7B5ECC30E463}" destId="{44A056CE-E694-45B1-A065-0A53C6F74F10}" srcOrd="2" destOrd="0" presId="urn:microsoft.com/office/officeart/2008/layout/SquareAccentList"/>
    <dgm:cxn modelId="{85B970D4-9D75-42CB-A906-E0CEF1B4D60E}" type="presParOf" srcId="{18D004A4-DF0A-4A8E-826C-33B4C31A0C55}" destId="{12A89F96-47D1-4401-AB54-78A360ACD309}" srcOrd="1" destOrd="0" presId="urn:microsoft.com/office/officeart/2008/layout/SquareAccentList"/>
    <dgm:cxn modelId="{4AE5330D-0D09-4145-9329-919C54C9DA90}" type="presParOf" srcId="{12A89F96-47D1-4401-AB54-78A360ACD309}" destId="{6C06380D-07FC-4F6B-937E-FBDED4D29064}" srcOrd="0" destOrd="0" presId="urn:microsoft.com/office/officeart/2008/layout/SquareAccentList"/>
    <dgm:cxn modelId="{BEC1FFE1-22C9-42E9-9C82-7BD8BEA9E1C1}" type="presParOf" srcId="{6C06380D-07FC-4F6B-937E-FBDED4D29064}" destId="{56368CF3-CABC-4A09-9AEB-AA780B6EE2FC}" srcOrd="0" destOrd="0" presId="urn:microsoft.com/office/officeart/2008/layout/SquareAccentList"/>
    <dgm:cxn modelId="{6F2AAF86-21C3-4DB7-8D61-E6EBD0D62DF8}" type="presParOf" srcId="{6C06380D-07FC-4F6B-937E-FBDED4D29064}" destId="{AAFDA121-1ACC-4906-AEDD-153FABAF7BB2}" srcOrd="1" destOrd="0" presId="urn:microsoft.com/office/officeart/2008/layout/SquareAccentList"/>
    <dgm:cxn modelId="{ABE510FB-8956-4213-90D6-68FE95CD02ED}" type="presParOf" srcId="{12A89F96-47D1-4401-AB54-78A360ACD309}" destId="{40BC9BEB-BFF1-481A-ACAA-5E5DF95F2A71}" srcOrd="1" destOrd="0" presId="urn:microsoft.com/office/officeart/2008/layout/SquareAccentList"/>
    <dgm:cxn modelId="{50CB28B5-79B5-4849-A2ED-B9330EC5A232}" type="presParOf" srcId="{40BC9BEB-BFF1-481A-ACAA-5E5DF95F2A71}" destId="{642CB178-6419-4151-BE4E-A14EB319B66A}" srcOrd="0" destOrd="0" presId="urn:microsoft.com/office/officeart/2008/layout/SquareAccentList"/>
    <dgm:cxn modelId="{4F1420F4-32E7-472E-9747-868406CE2063}" type="presParOf" srcId="{40BC9BEB-BFF1-481A-ACAA-5E5DF95F2A71}" destId="{27CC87B9-119F-480D-89E0-9780487D3A73}" srcOrd="1" destOrd="0" presId="urn:microsoft.com/office/officeart/2008/layout/SquareAccentList"/>
    <dgm:cxn modelId="{01563B53-4334-4B3B-9EC2-F8A7CC6EABC0}" type="presParOf" srcId="{A599F635-F6F1-4B6C-8F85-CE3966A9A3D7}" destId="{77938DAA-3FF9-4143-90F0-4702E9ECAF30}" srcOrd="5" destOrd="0" presId="urn:microsoft.com/office/officeart/2008/layout/SquareAccentList"/>
    <dgm:cxn modelId="{CE84D612-E68C-478C-A3AD-D3454E522C84}" type="presParOf" srcId="{77938DAA-3FF9-4143-90F0-4702E9ECAF30}" destId="{99730FBD-8DFE-4939-8FA5-40F753D3EA9E}" srcOrd="0" destOrd="0" presId="urn:microsoft.com/office/officeart/2008/layout/SquareAccentList"/>
    <dgm:cxn modelId="{98714B77-7905-422E-BF14-88BCD9322242}" type="presParOf" srcId="{99730FBD-8DFE-4939-8FA5-40F753D3EA9E}" destId="{C5F7205A-032D-4532-A0E3-1F9ABF4BEDD1}" srcOrd="0" destOrd="0" presId="urn:microsoft.com/office/officeart/2008/layout/SquareAccentList"/>
    <dgm:cxn modelId="{B62AE113-5696-45AC-AC7A-3328F958D982}" type="presParOf" srcId="{99730FBD-8DFE-4939-8FA5-40F753D3EA9E}" destId="{29B086D5-C353-4D03-A862-04281005198F}" srcOrd="1" destOrd="0" presId="urn:microsoft.com/office/officeart/2008/layout/SquareAccentList"/>
    <dgm:cxn modelId="{DA24CF4B-83D1-41FE-9B3C-80E0F26ABE11}" type="presParOf" srcId="{99730FBD-8DFE-4939-8FA5-40F753D3EA9E}" destId="{B7CFF7CE-3DF7-41B7-AC19-9614DA5CDA92}" srcOrd="2" destOrd="0" presId="urn:microsoft.com/office/officeart/2008/layout/SquareAccentList"/>
    <dgm:cxn modelId="{FC66493E-D1BB-4494-800F-010F74E2B6AB}" type="presParOf" srcId="{77938DAA-3FF9-4143-90F0-4702E9ECAF30}" destId="{02207172-E0FE-454F-BF8E-63724EC2A041}" srcOrd="1" destOrd="0" presId="urn:microsoft.com/office/officeart/2008/layout/SquareAccentList"/>
    <dgm:cxn modelId="{C737096A-DA7C-4C25-948F-418095516968}" type="presParOf" srcId="{02207172-E0FE-454F-BF8E-63724EC2A041}" destId="{D7634023-F874-4194-B4C7-821D7AA21948}" srcOrd="0" destOrd="0" presId="urn:microsoft.com/office/officeart/2008/layout/SquareAccentList"/>
    <dgm:cxn modelId="{D318EAE9-6C5A-4AA1-A594-05667FFD93C2}" type="presParOf" srcId="{D7634023-F874-4194-B4C7-821D7AA21948}" destId="{06A83F06-3B38-452E-9D45-B1C9A65CFA03}" srcOrd="0" destOrd="0" presId="urn:microsoft.com/office/officeart/2008/layout/SquareAccentList"/>
    <dgm:cxn modelId="{BF56DCC5-B859-418A-A9C1-22463F63B1E9}" type="presParOf" srcId="{D7634023-F874-4194-B4C7-821D7AA21948}" destId="{AA37C5C7-E8CE-40EC-B0E7-CA0C6B918021}" srcOrd="1" destOrd="0" presId="urn:microsoft.com/office/officeart/2008/layout/SquareAccentList"/>
    <dgm:cxn modelId="{0285B023-3B8A-4D4A-B4C4-10BE531C5611}" type="presParOf" srcId="{02207172-E0FE-454F-BF8E-63724EC2A041}" destId="{FE047E28-8882-4467-B6AE-0A948F2F4E99}" srcOrd="1" destOrd="0" presId="urn:microsoft.com/office/officeart/2008/layout/SquareAccentList"/>
    <dgm:cxn modelId="{3E013902-059F-47B8-9871-065FC0AF4CE9}" type="presParOf" srcId="{FE047E28-8882-4467-B6AE-0A948F2F4E99}" destId="{8CA2C0A5-E700-464D-954E-87818AD0406C}" srcOrd="0" destOrd="0" presId="urn:microsoft.com/office/officeart/2008/layout/SquareAccentList"/>
    <dgm:cxn modelId="{B92C2D92-C21F-4C79-97C8-DA304D2F1D01}" type="presParOf" srcId="{FE047E28-8882-4467-B6AE-0A948F2F4E99}" destId="{A6CB876D-3CB7-4B1C-B24A-8358D079138D}" srcOrd="1" destOrd="0" presId="urn:microsoft.com/office/officeart/2008/layout/Squa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8/layout/SquareAccentList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9E2033D5-F635-4215-96FB-F145B6B9844E}">
      <dgm:prSet phldrT="[Text]"/>
      <dgm:spPr/>
      <dgm:t>
        <a:bodyPr/>
        <a:lstStyle/>
        <a:p>
          <a:r>
            <a:rPr lang="en-US" dirty="0"/>
            <a:t>Solution 1</a:t>
          </a:r>
        </a:p>
      </dgm:t>
    </dgm:pt>
    <dgm:pt modelId="{89ACCFF9-38F4-4B4A-BE09-9E4EFE75CE68}" type="parTrans" cxnId="{EB40E17C-F0B8-4C39-A271-0D8A41B36C0E}">
      <dgm:prSet/>
      <dgm:spPr/>
      <dgm:t>
        <a:bodyPr/>
        <a:lstStyle/>
        <a:p>
          <a:endParaRPr lang="en-US"/>
        </a:p>
      </dgm:t>
    </dgm:pt>
    <dgm:pt modelId="{7C014077-7B55-4E6F-84BC-C8E3732C7C22}" type="sibTrans" cxnId="{EB40E17C-F0B8-4C39-A271-0D8A41B36C0E}">
      <dgm:prSet/>
      <dgm:spPr/>
      <dgm:t>
        <a:bodyPr/>
        <a:lstStyle/>
        <a:p>
          <a:endParaRPr lang="en-US"/>
        </a:p>
      </dgm:t>
    </dgm:pt>
    <dgm:pt modelId="{0FF9BCA3-165C-4BC0-80E5-4B5EF89BFB7D}">
      <dgm:prSet phldrT="[Text]"/>
      <dgm:spPr/>
      <dgm:t>
        <a:bodyPr/>
        <a:lstStyle/>
        <a:p>
          <a:r>
            <a:rPr lang="en-US" dirty="0"/>
            <a:t>Feature 1</a:t>
          </a:r>
        </a:p>
      </dgm:t>
    </dgm:pt>
    <dgm:pt modelId="{C502B687-2174-4461-ABC2-84B986766BED}" type="parTrans" cxnId="{AA42CE06-E5D2-46C2-A201-646F8DF9533D}">
      <dgm:prSet/>
      <dgm:spPr/>
      <dgm:t>
        <a:bodyPr/>
        <a:lstStyle/>
        <a:p>
          <a:endParaRPr lang="en-US"/>
        </a:p>
      </dgm:t>
    </dgm:pt>
    <dgm:pt modelId="{F657C0B0-E9F0-4118-A18B-C4A4E578DF98}" type="sibTrans" cxnId="{AA42CE06-E5D2-46C2-A201-646F8DF9533D}">
      <dgm:prSet/>
      <dgm:spPr/>
      <dgm:t>
        <a:bodyPr/>
        <a:lstStyle/>
        <a:p>
          <a:endParaRPr lang="en-US"/>
        </a:p>
      </dgm:t>
    </dgm:pt>
    <dgm:pt modelId="{41DF8973-FB93-47C3-85F5-C019172A92BD}">
      <dgm:prSet phldrT="[Text]"/>
      <dgm:spPr/>
      <dgm:t>
        <a:bodyPr/>
        <a:lstStyle/>
        <a:p>
          <a:r>
            <a:rPr lang="en-US" dirty="0"/>
            <a:t>Solution 2</a:t>
          </a:r>
        </a:p>
      </dgm:t>
    </dgm:pt>
    <dgm:pt modelId="{13360191-42C9-481B-B781-AA39990417AC}" type="parTrans" cxnId="{17805DC0-87A6-422C-8A5D-D96BA31E2466}">
      <dgm:prSet/>
      <dgm:spPr/>
      <dgm:t>
        <a:bodyPr/>
        <a:lstStyle/>
        <a:p>
          <a:endParaRPr lang="en-US"/>
        </a:p>
      </dgm:t>
    </dgm:pt>
    <dgm:pt modelId="{3D2B7D01-A080-4F3E-A510-B96A9A8E3E61}" type="sibTrans" cxnId="{17805DC0-87A6-422C-8A5D-D96BA31E2466}">
      <dgm:prSet/>
      <dgm:spPr/>
      <dgm:t>
        <a:bodyPr/>
        <a:lstStyle/>
        <a:p>
          <a:endParaRPr lang="en-US"/>
        </a:p>
      </dgm:t>
    </dgm:pt>
    <dgm:pt modelId="{8AE744FF-4AC5-40AE-A5A3-850A9F900079}">
      <dgm:prSet phldrT="[Text]"/>
      <dgm:spPr/>
      <dgm:t>
        <a:bodyPr/>
        <a:lstStyle/>
        <a:p>
          <a:r>
            <a:rPr lang="en-US" dirty="0"/>
            <a:t>Feature 1</a:t>
          </a:r>
        </a:p>
      </dgm:t>
    </dgm:pt>
    <dgm:pt modelId="{DD3568E7-D119-4359-B9C8-09FAA7EE1C9B}" type="parTrans" cxnId="{BC0E3063-B43F-4973-9C20-3934B48C8CC8}">
      <dgm:prSet/>
      <dgm:spPr/>
      <dgm:t>
        <a:bodyPr/>
        <a:lstStyle/>
        <a:p>
          <a:endParaRPr lang="en-US"/>
        </a:p>
      </dgm:t>
    </dgm:pt>
    <dgm:pt modelId="{6943A720-1CD2-48DF-994D-FCF6C0E69039}" type="sibTrans" cxnId="{BC0E3063-B43F-4973-9C20-3934B48C8CC8}">
      <dgm:prSet/>
      <dgm:spPr/>
      <dgm:t>
        <a:bodyPr/>
        <a:lstStyle/>
        <a:p>
          <a:endParaRPr lang="en-US"/>
        </a:p>
      </dgm:t>
    </dgm:pt>
    <dgm:pt modelId="{BBFAD4F7-7A42-458B-9CCE-AE2455D9FB57}">
      <dgm:prSet phldrT="[Text]"/>
      <dgm:spPr/>
      <dgm:t>
        <a:bodyPr/>
        <a:lstStyle/>
        <a:p>
          <a:r>
            <a:rPr lang="en-US" dirty="0"/>
            <a:t>Solution 3</a:t>
          </a:r>
        </a:p>
      </dgm:t>
    </dgm:pt>
    <dgm:pt modelId="{3B0F0792-B36D-4E15-99CD-C83452BB41C3}" type="parTrans" cxnId="{BB8BFF46-8A67-4938-8DC5-0B6EC5C3D341}">
      <dgm:prSet/>
      <dgm:spPr/>
      <dgm:t>
        <a:bodyPr/>
        <a:lstStyle/>
        <a:p>
          <a:endParaRPr lang="en-US"/>
        </a:p>
      </dgm:t>
    </dgm:pt>
    <dgm:pt modelId="{1805E9EA-2536-4F7E-83BE-23F8493324CE}" type="sibTrans" cxnId="{BB8BFF46-8A67-4938-8DC5-0B6EC5C3D341}">
      <dgm:prSet/>
      <dgm:spPr/>
      <dgm:t>
        <a:bodyPr/>
        <a:lstStyle/>
        <a:p>
          <a:endParaRPr lang="en-US"/>
        </a:p>
      </dgm:t>
    </dgm:pt>
    <dgm:pt modelId="{7E080A7D-863D-4A7B-8131-1D11D254A7C3}">
      <dgm:prSet phldrT="[Text]"/>
      <dgm:spPr/>
      <dgm:t>
        <a:bodyPr/>
        <a:lstStyle/>
        <a:p>
          <a:r>
            <a:rPr lang="en-US" dirty="0"/>
            <a:t>Feature 1</a:t>
          </a:r>
        </a:p>
      </dgm:t>
    </dgm:pt>
    <dgm:pt modelId="{437472BB-FA4B-4F9F-9A2E-2218712CDCC1}" type="parTrans" cxnId="{1D72F1C5-3113-407D-96A2-3BEECAA239C8}">
      <dgm:prSet/>
      <dgm:spPr/>
      <dgm:t>
        <a:bodyPr/>
        <a:lstStyle/>
        <a:p>
          <a:endParaRPr lang="en-US"/>
        </a:p>
      </dgm:t>
    </dgm:pt>
    <dgm:pt modelId="{37FF4EDF-E762-4083-83DC-4975C181565C}" type="sibTrans" cxnId="{1D72F1C5-3113-407D-96A2-3BEECAA239C8}">
      <dgm:prSet/>
      <dgm:spPr/>
      <dgm:t>
        <a:bodyPr/>
        <a:lstStyle/>
        <a:p>
          <a:endParaRPr lang="en-US"/>
        </a:p>
      </dgm:t>
    </dgm:pt>
    <dgm:pt modelId="{F0F4CF51-EB10-430F-8682-FCDF0A7B4548}">
      <dgm:prSet phldrT="[Text]"/>
      <dgm:spPr/>
      <dgm:t>
        <a:bodyPr/>
        <a:lstStyle/>
        <a:p>
          <a:r>
            <a:rPr lang="en-US" dirty="0"/>
            <a:t>Solution 4</a:t>
          </a:r>
        </a:p>
      </dgm:t>
    </dgm:pt>
    <dgm:pt modelId="{8BFB1482-2250-4E86-9297-43274DA2C978}" type="parTrans" cxnId="{FEA880C3-3CED-4245-A9E5-72D78398D71E}">
      <dgm:prSet/>
      <dgm:spPr/>
      <dgm:t>
        <a:bodyPr/>
        <a:lstStyle/>
        <a:p>
          <a:endParaRPr lang="en-US"/>
        </a:p>
      </dgm:t>
    </dgm:pt>
    <dgm:pt modelId="{AFA69A39-E1C8-426E-839F-972C7AE16211}" type="sibTrans" cxnId="{FEA880C3-3CED-4245-A9E5-72D78398D71E}">
      <dgm:prSet/>
      <dgm:spPr/>
      <dgm:t>
        <a:bodyPr/>
        <a:lstStyle/>
        <a:p>
          <a:endParaRPr lang="en-US"/>
        </a:p>
      </dgm:t>
    </dgm:pt>
    <dgm:pt modelId="{CA5B398A-0427-45CA-A9ED-999768261E2D}">
      <dgm:prSet phldrT="[Text]"/>
      <dgm:spPr/>
      <dgm:t>
        <a:bodyPr/>
        <a:lstStyle/>
        <a:p>
          <a:r>
            <a:rPr lang="en-US" dirty="0"/>
            <a:t>Feature 2</a:t>
          </a:r>
        </a:p>
      </dgm:t>
    </dgm:pt>
    <dgm:pt modelId="{35F83DFD-121E-4B14-BEA7-04BB43F85948}" type="parTrans" cxnId="{183DD78D-4000-4E3C-A537-E185A3734451}">
      <dgm:prSet/>
      <dgm:spPr/>
      <dgm:t>
        <a:bodyPr/>
        <a:lstStyle/>
        <a:p>
          <a:endParaRPr lang="en-US"/>
        </a:p>
      </dgm:t>
    </dgm:pt>
    <dgm:pt modelId="{93B68C54-50D7-4A05-ABDE-F5224031F682}" type="sibTrans" cxnId="{183DD78D-4000-4E3C-A537-E185A3734451}">
      <dgm:prSet/>
      <dgm:spPr/>
      <dgm:t>
        <a:bodyPr/>
        <a:lstStyle/>
        <a:p>
          <a:endParaRPr lang="en-US"/>
        </a:p>
      </dgm:t>
    </dgm:pt>
    <dgm:pt modelId="{845C2A4F-702E-45BE-B91E-411FF7E3821B}">
      <dgm:prSet phldrT="[Text]"/>
      <dgm:spPr/>
      <dgm:t>
        <a:bodyPr/>
        <a:lstStyle/>
        <a:p>
          <a:r>
            <a:rPr lang="en-US" dirty="0"/>
            <a:t>Feature 2</a:t>
          </a:r>
        </a:p>
      </dgm:t>
    </dgm:pt>
    <dgm:pt modelId="{95478448-B001-46B8-BF4E-9D807D47FD69}" type="parTrans" cxnId="{025C3F12-D615-4734-A889-E437F2C8ED83}">
      <dgm:prSet/>
      <dgm:spPr/>
      <dgm:t>
        <a:bodyPr/>
        <a:lstStyle/>
        <a:p>
          <a:endParaRPr lang="en-US"/>
        </a:p>
      </dgm:t>
    </dgm:pt>
    <dgm:pt modelId="{AF1364E3-5B73-4758-9545-F6AB3759CA10}" type="sibTrans" cxnId="{025C3F12-D615-4734-A889-E437F2C8ED83}">
      <dgm:prSet/>
      <dgm:spPr/>
      <dgm:t>
        <a:bodyPr/>
        <a:lstStyle/>
        <a:p>
          <a:endParaRPr lang="en-US"/>
        </a:p>
      </dgm:t>
    </dgm:pt>
    <dgm:pt modelId="{14BF2279-413B-4801-817A-3168EFE61214}">
      <dgm:prSet phldrT="[Text]"/>
      <dgm:spPr/>
      <dgm:t>
        <a:bodyPr/>
        <a:lstStyle/>
        <a:p>
          <a:r>
            <a:rPr lang="en-US" dirty="0"/>
            <a:t>Feature 2</a:t>
          </a:r>
        </a:p>
      </dgm:t>
    </dgm:pt>
    <dgm:pt modelId="{870DB1E7-045F-478E-A187-B0DD32616ADC}" type="parTrans" cxnId="{DF3F464B-70A4-45DE-8921-03E030BC1ECE}">
      <dgm:prSet/>
      <dgm:spPr/>
      <dgm:t>
        <a:bodyPr/>
        <a:lstStyle/>
        <a:p>
          <a:endParaRPr lang="en-US"/>
        </a:p>
      </dgm:t>
    </dgm:pt>
    <dgm:pt modelId="{A80EB7F8-8F9C-44C0-9293-FB4E048393A9}" type="sibTrans" cxnId="{DF3F464B-70A4-45DE-8921-03E030BC1ECE}">
      <dgm:prSet/>
      <dgm:spPr/>
      <dgm:t>
        <a:bodyPr/>
        <a:lstStyle/>
        <a:p>
          <a:endParaRPr lang="en-US"/>
        </a:p>
      </dgm:t>
    </dgm:pt>
    <dgm:pt modelId="{F6B3A342-680B-4E50-B195-60BF2CBB1E84}">
      <dgm:prSet phldrT="[Text]"/>
      <dgm:spPr/>
      <dgm:t>
        <a:bodyPr/>
        <a:lstStyle/>
        <a:p>
          <a:r>
            <a:rPr lang="en-US" dirty="0"/>
            <a:t>Feature 1</a:t>
          </a:r>
        </a:p>
      </dgm:t>
    </dgm:pt>
    <dgm:pt modelId="{A6AE79C2-4A59-4593-82B3-EB5F4C7FB417}" type="parTrans" cxnId="{9396E120-2D8E-4957-9651-2593D5087975}">
      <dgm:prSet/>
      <dgm:spPr/>
      <dgm:t>
        <a:bodyPr/>
        <a:lstStyle/>
        <a:p>
          <a:endParaRPr lang="en-US"/>
        </a:p>
      </dgm:t>
    </dgm:pt>
    <dgm:pt modelId="{711DEA9F-55F1-402E-A07A-121B4640D6A8}" type="sibTrans" cxnId="{9396E120-2D8E-4957-9651-2593D5087975}">
      <dgm:prSet/>
      <dgm:spPr/>
      <dgm:t>
        <a:bodyPr/>
        <a:lstStyle/>
        <a:p>
          <a:endParaRPr lang="en-US"/>
        </a:p>
      </dgm:t>
    </dgm:pt>
    <dgm:pt modelId="{F866899F-B177-4961-A8FA-045F948761C9}">
      <dgm:prSet phldrT="[Text]"/>
      <dgm:spPr/>
      <dgm:t>
        <a:bodyPr/>
        <a:lstStyle/>
        <a:p>
          <a:r>
            <a:rPr lang="en-US" dirty="0"/>
            <a:t>Feature 2</a:t>
          </a:r>
        </a:p>
      </dgm:t>
    </dgm:pt>
    <dgm:pt modelId="{43D14D20-6011-464E-B4D5-023BBA0629A8}" type="parTrans" cxnId="{B4650A3A-C743-4BB1-B97E-B06B1FB1820F}">
      <dgm:prSet/>
      <dgm:spPr/>
      <dgm:t>
        <a:bodyPr/>
        <a:lstStyle/>
        <a:p>
          <a:endParaRPr lang="en-US"/>
        </a:p>
      </dgm:t>
    </dgm:pt>
    <dgm:pt modelId="{94A69576-2B2C-4401-B23B-3D2BEDCCD034}" type="sibTrans" cxnId="{B4650A3A-C743-4BB1-B97E-B06B1FB1820F}">
      <dgm:prSet/>
      <dgm:spPr/>
      <dgm:t>
        <a:bodyPr/>
        <a:lstStyle/>
        <a:p>
          <a:endParaRPr lang="en-US"/>
        </a:p>
      </dgm:t>
    </dgm:pt>
    <dgm:pt modelId="{A599F635-F6F1-4B6C-8F85-CE3966A9A3D7}" type="pres">
      <dgm:prSet presAssocID="{CBCC504F-0FAB-487F-876D-E929F8569590}" presName="layout" presStyleCnt="0">
        <dgm:presLayoutVars>
          <dgm:chMax/>
          <dgm:chPref/>
          <dgm:dir/>
          <dgm:resizeHandles/>
        </dgm:presLayoutVars>
      </dgm:prSet>
      <dgm:spPr/>
    </dgm:pt>
    <dgm:pt modelId="{473EC83D-3203-465C-8AE4-248D3B4B96DD}" type="pres">
      <dgm:prSet presAssocID="{9E2033D5-F635-4215-96FB-F145B6B9844E}" presName="root" presStyleCnt="0">
        <dgm:presLayoutVars>
          <dgm:chMax/>
          <dgm:chPref/>
        </dgm:presLayoutVars>
      </dgm:prSet>
      <dgm:spPr/>
    </dgm:pt>
    <dgm:pt modelId="{09FA022E-00BE-4B78-8797-A3F21DFF0444}" type="pres">
      <dgm:prSet presAssocID="{9E2033D5-F635-4215-96FB-F145B6B9844E}" presName="rootComposite" presStyleCnt="0">
        <dgm:presLayoutVars/>
      </dgm:prSet>
      <dgm:spPr/>
    </dgm:pt>
    <dgm:pt modelId="{174BB2E2-1A2C-4369-B34D-EDD0E3CF3C24}" type="pres">
      <dgm:prSet presAssocID="{9E2033D5-F635-4215-96FB-F145B6B9844E}" presName="ParentAccent" presStyleLbl="alignNode1" presStyleIdx="0" presStyleCnt="4"/>
      <dgm:spPr>
        <a:solidFill>
          <a:schemeClr val="accent2"/>
        </a:solidFill>
        <a:ln>
          <a:solidFill>
            <a:srgbClr val="C29943"/>
          </a:solidFill>
        </a:ln>
      </dgm:spPr>
    </dgm:pt>
    <dgm:pt modelId="{26289473-1970-40FD-ABD8-3BC05B1708A3}" type="pres">
      <dgm:prSet presAssocID="{9E2033D5-F635-4215-96FB-F145B6B9844E}" presName="ParentSmallAccent" presStyleLbl="fgAcc1" presStyleIdx="0" presStyleCnt="4"/>
      <dgm:spPr/>
    </dgm:pt>
    <dgm:pt modelId="{0FB009D7-0D00-48D7-9705-0CE6B3B55410}" type="pres">
      <dgm:prSet presAssocID="{9E2033D5-F635-4215-96FB-F145B6B9844E}" presName="Parent" presStyleLbl="revTx" presStyleIdx="0" presStyleCnt="12">
        <dgm:presLayoutVars>
          <dgm:chMax/>
          <dgm:chPref val="4"/>
          <dgm:bulletEnabled val="1"/>
        </dgm:presLayoutVars>
      </dgm:prSet>
      <dgm:spPr/>
    </dgm:pt>
    <dgm:pt modelId="{E346B8BA-EE07-4C2B-9C19-F3C500ACF940}" type="pres">
      <dgm:prSet presAssocID="{9E2033D5-F635-4215-96FB-F145B6B9844E}" presName="childShape" presStyleCnt="0">
        <dgm:presLayoutVars>
          <dgm:chMax val="0"/>
          <dgm:chPref val="0"/>
        </dgm:presLayoutVars>
      </dgm:prSet>
      <dgm:spPr/>
    </dgm:pt>
    <dgm:pt modelId="{24302DE6-78BE-43FF-AE9B-A56EA5CEBFE2}" type="pres">
      <dgm:prSet presAssocID="{0FF9BCA3-165C-4BC0-80E5-4B5EF89BFB7D}" presName="childComposite" presStyleCnt="0">
        <dgm:presLayoutVars>
          <dgm:chMax val="0"/>
          <dgm:chPref val="0"/>
        </dgm:presLayoutVars>
      </dgm:prSet>
      <dgm:spPr/>
    </dgm:pt>
    <dgm:pt modelId="{05B89CAE-50E4-4C34-8A53-0BB8ECD59584}" type="pres">
      <dgm:prSet presAssocID="{0FF9BCA3-165C-4BC0-80E5-4B5EF89BFB7D}" presName="ChildAccent" presStyleLbl="solidFgAcc1" presStyleIdx="0" presStyleCnt="8"/>
      <dgm:spPr/>
    </dgm:pt>
    <dgm:pt modelId="{A0E8BF3F-8ED2-4EE6-93FA-E15DEA01C2A1}" type="pres">
      <dgm:prSet presAssocID="{0FF9BCA3-165C-4BC0-80E5-4B5EF89BFB7D}" presName="Child" presStyleLbl="revTx" presStyleIdx="1" presStyleCnt="12">
        <dgm:presLayoutVars>
          <dgm:chMax val="0"/>
          <dgm:chPref val="0"/>
          <dgm:bulletEnabled val="1"/>
        </dgm:presLayoutVars>
      </dgm:prSet>
      <dgm:spPr/>
    </dgm:pt>
    <dgm:pt modelId="{BFB3C2D2-1CC0-4CDF-9837-76D5BFCDBE58}" type="pres">
      <dgm:prSet presAssocID="{CA5B398A-0427-45CA-A9ED-999768261E2D}" presName="childComposite" presStyleCnt="0">
        <dgm:presLayoutVars>
          <dgm:chMax val="0"/>
          <dgm:chPref val="0"/>
        </dgm:presLayoutVars>
      </dgm:prSet>
      <dgm:spPr/>
    </dgm:pt>
    <dgm:pt modelId="{AAF74BA7-AACB-4FB3-BF7C-A6442E3FAC1D}" type="pres">
      <dgm:prSet presAssocID="{CA5B398A-0427-45CA-A9ED-999768261E2D}" presName="ChildAccent" presStyleLbl="solidFgAcc1" presStyleIdx="1" presStyleCnt="8"/>
      <dgm:spPr/>
    </dgm:pt>
    <dgm:pt modelId="{C08B10B3-4157-473A-87B3-19042EBC2BE8}" type="pres">
      <dgm:prSet presAssocID="{CA5B398A-0427-45CA-A9ED-999768261E2D}" presName="Child" presStyleLbl="revTx" presStyleIdx="2" presStyleCnt="12">
        <dgm:presLayoutVars>
          <dgm:chMax val="0"/>
          <dgm:chPref val="0"/>
          <dgm:bulletEnabled val="1"/>
        </dgm:presLayoutVars>
      </dgm:prSet>
      <dgm:spPr/>
    </dgm:pt>
    <dgm:pt modelId="{0C84703F-58D5-4634-A678-49CD320980BC}" type="pres">
      <dgm:prSet presAssocID="{41DF8973-FB93-47C3-85F5-C019172A92BD}" presName="root" presStyleCnt="0">
        <dgm:presLayoutVars>
          <dgm:chMax/>
          <dgm:chPref/>
        </dgm:presLayoutVars>
      </dgm:prSet>
      <dgm:spPr/>
    </dgm:pt>
    <dgm:pt modelId="{58E630FE-B2FB-45F1-B0EC-25CA4BA68912}" type="pres">
      <dgm:prSet presAssocID="{41DF8973-FB93-47C3-85F5-C019172A92BD}" presName="rootComposite" presStyleCnt="0">
        <dgm:presLayoutVars/>
      </dgm:prSet>
      <dgm:spPr/>
    </dgm:pt>
    <dgm:pt modelId="{3052B30D-387A-4F2E-98A9-5CF41C027005}" type="pres">
      <dgm:prSet presAssocID="{41DF8973-FB93-47C3-85F5-C019172A92BD}" presName="ParentAccent" presStyleLbl="alignNode1" presStyleIdx="1" presStyleCnt="4"/>
      <dgm:spPr>
        <a:solidFill>
          <a:srgbClr val="0C3555"/>
        </a:solidFill>
        <a:ln>
          <a:solidFill>
            <a:srgbClr val="0C3555"/>
          </a:solidFill>
        </a:ln>
      </dgm:spPr>
    </dgm:pt>
    <dgm:pt modelId="{44448B12-9AD1-45BC-95D9-0BAA820F162B}" type="pres">
      <dgm:prSet presAssocID="{41DF8973-FB93-47C3-85F5-C019172A92BD}" presName="ParentSmallAccent" presStyleLbl="fgAcc1" presStyleIdx="1" presStyleCnt="4"/>
      <dgm:spPr/>
    </dgm:pt>
    <dgm:pt modelId="{2E82E7FE-7CBE-4681-BB8E-03781C74E3A9}" type="pres">
      <dgm:prSet presAssocID="{41DF8973-FB93-47C3-85F5-C019172A92BD}" presName="Parent" presStyleLbl="revTx" presStyleIdx="3" presStyleCnt="12">
        <dgm:presLayoutVars>
          <dgm:chMax/>
          <dgm:chPref val="4"/>
          <dgm:bulletEnabled val="1"/>
        </dgm:presLayoutVars>
      </dgm:prSet>
      <dgm:spPr/>
    </dgm:pt>
    <dgm:pt modelId="{5A6DFFEA-4E9C-4CC6-B1B7-744ED2517955}" type="pres">
      <dgm:prSet presAssocID="{41DF8973-FB93-47C3-85F5-C019172A92BD}" presName="childShape" presStyleCnt="0">
        <dgm:presLayoutVars>
          <dgm:chMax val="0"/>
          <dgm:chPref val="0"/>
        </dgm:presLayoutVars>
      </dgm:prSet>
      <dgm:spPr/>
    </dgm:pt>
    <dgm:pt modelId="{790A9A0D-CEA4-42FD-BC15-253F8826CA2A}" type="pres">
      <dgm:prSet presAssocID="{8AE744FF-4AC5-40AE-A5A3-850A9F900079}" presName="childComposite" presStyleCnt="0">
        <dgm:presLayoutVars>
          <dgm:chMax val="0"/>
          <dgm:chPref val="0"/>
        </dgm:presLayoutVars>
      </dgm:prSet>
      <dgm:spPr/>
    </dgm:pt>
    <dgm:pt modelId="{2D28A931-7B04-4331-8342-A8F0ED7B5ED1}" type="pres">
      <dgm:prSet presAssocID="{8AE744FF-4AC5-40AE-A5A3-850A9F900079}" presName="ChildAccent" presStyleLbl="solidFgAcc1" presStyleIdx="2" presStyleCnt="8"/>
      <dgm:spPr/>
    </dgm:pt>
    <dgm:pt modelId="{54150E8D-F63B-4280-A7E9-843945D84885}" type="pres">
      <dgm:prSet presAssocID="{8AE744FF-4AC5-40AE-A5A3-850A9F900079}" presName="Child" presStyleLbl="revTx" presStyleIdx="4" presStyleCnt="12">
        <dgm:presLayoutVars>
          <dgm:chMax val="0"/>
          <dgm:chPref val="0"/>
          <dgm:bulletEnabled val="1"/>
        </dgm:presLayoutVars>
      </dgm:prSet>
      <dgm:spPr/>
    </dgm:pt>
    <dgm:pt modelId="{ACA3A276-6531-4CDD-A301-4B97171A5935}" type="pres">
      <dgm:prSet presAssocID="{845C2A4F-702E-45BE-B91E-411FF7E3821B}" presName="childComposite" presStyleCnt="0">
        <dgm:presLayoutVars>
          <dgm:chMax val="0"/>
          <dgm:chPref val="0"/>
        </dgm:presLayoutVars>
      </dgm:prSet>
      <dgm:spPr/>
    </dgm:pt>
    <dgm:pt modelId="{17FFE0F8-9577-4DF8-A9AA-EC0F3F1F1C00}" type="pres">
      <dgm:prSet presAssocID="{845C2A4F-702E-45BE-B91E-411FF7E3821B}" presName="ChildAccent" presStyleLbl="solidFgAcc1" presStyleIdx="3" presStyleCnt="8"/>
      <dgm:spPr/>
    </dgm:pt>
    <dgm:pt modelId="{2097BE7D-1331-4798-999D-E10BE3BA20E1}" type="pres">
      <dgm:prSet presAssocID="{845C2A4F-702E-45BE-B91E-411FF7E3821B}" presName="Child" presStyleLbl="revTx" presStyleIdx="5" presStyleCnt="12">
        <dgm:presLayoutVars>
          <dgm:chMax val="0"/>
          <dgm:chPref val="0"/>
          <dgm:bulletEnabled val="1"/>
        </dgm:presLayoutVars>
      </dgm:prSet>
      <dgm:spPr/>
    </dgm:pt>
    <dgm:pt modelId="{794BB7B5-400D-4744-8730-F8C4E12B6FD0}" type="pres">
      <dgm:prSet presAssocID="{BBFAD4F7-7A42-458B-9CCE-AE2455D9FB57}" presName="root" presStyleCnt="0">
        <dgm:presLayoutVars>
          <dgm:chMax/>
          <dgm:chPref/>
        </dgm:presLayoutVars>
      </dgm:prSet>
      <dgm:spPr/>
    </dgm:pt>
    <dgm:pt modelId="{27138204-0818-4AAA-9EC4-B404990B8EB1}" type="pres">
      <dgm:prSet presAssocID="{BBFAD4F7-7A42-458B-9CCE-AE2455D9FB57}" presName="rootComposite" presStyleCnt="0">
        <dgm:presLayoutVars/>
      </dgm:prSet>
      <dgm:spPr/>
    </dgm:pt>
    <dgm:pt modelId="{29F28738-C335-4640-979D-C594852104CB}" type="pres">
      <dgm:prSet presAssocID="{BBFAD4F7-7A42-458B-9CCE-AE2455D9FB57}" presName="ParentAccent" presStyleLbl="alignNode1" presStyleIdx="2" presStyleCnt="4"/>
      <dgm:spPr/>
    </dgm:pt>
    <dgm:pt modelId="{DAED4ECF-07D2-4B76-A92A-7320938073D3}" type="pres">
      <dgm:prSet presAssocID="{BBFAD4F7-7A42-458B-9CCE-AE2455D9FB57}" presName="ParentSmallAccent" presStyleLbl="fgAcc1" presStyleIdx="2" presStyleCnt="4"/>
      <dgm:spPr/>
    </dgm:pt>
    <dgm:pt modelId="{DA6639BF-064B-442E-A6A2-7D5B443B69B3}" type="pres">
      <dgm:prSet presAssocID="{BBFAD4F7-7A42-458B-9CCE-AE2455D9FB57}" presName="Parent" presStyleLbl="revTx" presStyleIdx="6" presStyleCnt="12">
        <dgm:presLayoutVars>
          <dgm:chMax/>
          <dgm:chPref val="4"/>
          <dgm:bulletEnabled val="1"/>
        </dgm:presLayoutVars>
      </dgm:prSet>
      <dgm:spPr/>
    </dgm:pt>
    <dgm:pt modelId="{536EFFA3-A096-4A89-98D1-D191CCEC2AB4}" type="pres">
      <dgm:prSet presAssocID="{BBFAD4F7-7A42-458B-9CCE-AE2455D9FB57}" presName="childShape" presStyleCnt="0">
        <dgm:presLayoutVars>
          <dgm:chMax val="0"/>
          <dgm:chPref val="0"/>
        </dgm:presLayoutVars>
      </dgm:prSet>
      <dgm:spPr/>
    </dgm:pt>
    <dgm:pt modelId="{90B199F2-73DF-49EA-8ABC-7BFCA4C871AA}" type="pres">
      <dgm:prSet presAssocID="{7E080A7D-863D-4A7B-8131-1D11D254A7C3}" presName="childComposite" presStyleCnt="0">
        <dgm:presLayoutVars>
          <dgm:chMax val="0"/>
          <dgm:chPref val="0"/>
        </dgm:presLayoutVars>
      </dgm:prSet>
      <dgm:spPr/>
    </dgm:pt>
    <dgm:pt modelId="{40C1D052-A0AC-4C34-B7B5-7D01107B3091}" type="pres">
      <dgm:prSet presAssocID="{7E080A7D-863D-4A7B-8131-1D11D254A7C3}" presName="ChildAccent" presStyleLbl="solidFgAcc1" presStyleIdx="4" presStyleCnt="8"/>
      <dgm:spPr/>
    </dgm:pt>
    <dgm:pt modelId="{A29E1ABD-38E9-4122-AB5D-E3B382E53D91}" type="pres">
      <dgm:prSet presAssocID="{7E080A7D-863D-4A7B-8131-1D11D254A7C3}" presName="Child" presStyleLbl="revTx" presStyleIdx="7" presStyleCnt="12">
        <dgm:presLayoutVars>
          <dgm:chMax val="0"/>
          <dgm:chPref val="0"/>
          <dgm:bulletEnabled val="1"/>
        </dgm:presLayoutVars>
      </dgm:prSet>
      <dgm:spPr/>
    </dgm:pt>
    <dgm:pt modelId="{54080F3B-280F-4928-868F-E9086258C30F}" type="pres">
      <dgm:prSet presAssocID="{14BF2279-413B-4801-817A-3168EFE61214}" presName="childComposite" presStyleCnt="0">
        <dgm:presLayoutVars>
          <dgm:chMax val="0"/>
          <dgm:chPref val="0"/>
        </dgm:presLayoutVars>
      </dgm:prSet>
      <dgm:spPr/>
    </dgm:pt>
    <dgm:pt modelId="{5D88B41A-B852-4216-B824-3DD3D078FBE5}" type="pres">
      <dgm:prSet presAssocID="{14BF2279-413B-4801-817A-3168EFE61214}" presName="ChildAccent" presStyleLbl="solidFgAcc1" presStyleIdx="5" presStyleCnt="8"/>
      <dgm:spPr/>
    </dgm:pt>
    <dgm:pt modelId="{7BD8F459-D983-443D-B72E-0D697FF2C955}" type="pres">
      <dgm:prSet presAssocID="{14BF2279-413B-4801-817A-3168EFE61214}" presName="Child" presStyleLbl="revTx" presStyleIdx="8" presStyleCnt="12">
        <dgm:presLayoutVars>
          <dgm:chMax val="0"/>
          <dgm:chPref val="0"/>
          <dgm:bulletEnabled val="1"/>
        </dgm:presLayoutVars>
      </dgm:prSet>
      <dgm:spPr/>
    </dgm:pt>
    <dgm:pt modelId="{027EB51C-9014-4D74-8B07-D1F7A46C6AB4}" type="pres">
      <dgm:prSet presAssocID="{F0F4CF51-EB10-430F-8682-FCDF0A7B4548}" presName="root" presStyleCnt="0">
        <dgm:presLayoutVars>
          <dgm:chMax/>
          <dgm:chPref/>
        </dgm:presLayoutVars>
      </dgm:prSet>
      <dgm:spPr/>
    </dgm:pt>
    <dgm:pt modelId="{5333A6EA-8723-4D63-B225-3511B4765884}" type="pres">
      <dgm:prSet presAssocID="{F0F4CF51-EB10-430F-8682-FCDF0A7B4548}" presName="rootComposite" presStyleCnt="0">
        <dgm:presLayoutVars/>
      </dgm:prSet>
      <dgm:spPr/>
    </dgm:pt>
    <dgm:pt modelId="{1B07B947-D3CF-4DAE-A061-893D70C377E0}" type="pres">
      <dgm:prSet presAssocID="{F0F4CF51-EB10-430F-8682-FCDF0A7B4548}" presName="ParentAccent" presStyleLbl="alignNode1" presStyleIdx="3" presStyleCnt="4"/>
      <dgm:spPr>
        <a:solidFill>
          <a:srgbClr val="03B09C"/>
        </a:solidFill>
        <a:ln>
          <a:solidFill>
            <a:srgbClr val="03B09C"/>
          </a:solidFill>
        </a:ln>
      </dgm:spPr>
    </dgm:pt>
    <dgm:pt modelId="{52F98EF3-5A7A-4DFD-A3F4-0EE43CD96BBC}" type="pres">
      <dgm:prSet presAssocID="{F0F4CF51-EB10-430F-8682-FCDF0A7B4548}" presName="ParentSmallAccent" presStyleLbl="fgAcc1" presStyleIdx="3" presStyleCnt="4"/>
      <dgm:spPr/>
    </dgm:pt>
    <dgm:pt modelId="{9E20F36B-6341-426D-B59E-2DFC0112FF2D}" type="pres">
      <dgm:prSet presAssocID="{F0F4CF51-EB10-430F-8682-FCDF0A7B4548}" presName="Parent" presStyleLbl="revTx" presStyleIdx="9" presStyleCnt="12">
        <dgm:presLayoutVars>
          <dgm:chMax/>
          <dgm:chPref val="4"/>
          <dgm:bulletEnabled val="1"/>
        </dgm:presLayoutVars>
      </dgm:prSet>
      <dgm:spPr/>
    </dgm:pt>
    <dgm:pt modelId="{54FE2B4D-8851-41BD-B645-77C1539D6983}" type="pres">
      <dgm:prSet presAssocID="{F0F4CF51-EB10-430F-8682-FCDF0A7B4548}" presName="childShape" presStyleCnt="0">
        <dgm:presLayoutVars>
          <dgm:chMax val="0"/>
          <dgm:chPref val="0"/>
        </dgm:presLayoutVars>
      </dgm:prSet>
      <dgm:spPr/>
    </dgm:pt>
    <dgm:pt modelId="{E1F5E64A-49FA-40E7-B7F4-2ABEE4AB86C1}" type="pres">
      <dgm:prSet presAssocID="{F6B3A342-680B-4E50-B195-60BF2CBB1E84}" presName="childComposite" presStyleCnt="0">
        <dgm:presLayoutVars>
          <dgm:chMax val="0"/>
          <dgm:chPref val="0"/>
        </dgm:presLayoutVars>
      </dgm:prSet>
      <dgm:spPr/>
    </dgm:pt>
    <dgm:pt modelId="{282AF4DD-8B00-432B-8B68-771FBB908657}" type="pres">
      <dgm:prSet presAssocID="{F6B3A342-680B-4E50-B195-60BF2CBB1E84}" presName="ChildAccent" presStyleLbl="solidFgAcc1" presStyleIdx="6" presStyleCnt="8"/>
      <dgm:spPr/>
    </dgm:pt>
    <dgm:pt modelId="{C6BBC36D-42FC-4F17-8E18-1409E3F023B1}" type="pres">
      <dgm:prSet presAssocID="{F6B3A342-680B-4E50-B195-60BF2CBB1E84}" presName="Child" presStyleLbl="revTx" presStyleIdx="10" presStyleCnt="12">
        <dgm:presLayoutVars>
          <dgm:chMax val="0"/>
          <dgm:chPref val="0"/>
          <dgm:bulletEnabled val="1"/>
        </dgm:presLayoutVars>
      </dgm:prSet>
      <dgm:spPr/>
    </dgm:pt>
    <dgm:pt modelId="{306A3F2E-61DF-4923-8A03-105E63BFC878}" type="pres">
      <dgm:prSet presAssocID="{F866899F-B177-4961-A8FA-045F948761C9}" presName="childComposite" presStyleCnt="0">
        <dgm:presLayoutVars>
          <dgm:chMax val="0"/>
          <dgm:chPref val="0"/>
        </dgm:presLayoutVars>
      </dgm:prSet>
      <dgm:spPr/>
    </dgm:pt>
    <dgm:pt modelId="{A9F6BD8B-4B18-487F-8335-9E442FD73E4A}" type="pres">
      <dgm:prSet presAssocID="{F866899F-B177-4961-A8FA-045F948761C9}" presName="ChildAccent" presStyleLbl="solidFgAcc1" presStyleIdx="7" presStyleCnt="8"/>
      <dgm:spPr/>
    </dgm:pt>
    <dgm:pt modelId="{A5F6C7F3-AD48-49E9-B661-344CDEA556FE}" type="pres">
      <dgm:prSet presAssocID="{F866899F-B177-4961-A8FA-045F948761C9}" presName="Child" presStyleLbl="revTx" presStyleIdx="11" presStyleCnt="12">
        <dgm:presLayoutVars>
          <dgm:chMax val="0"/>
          <dgm:chPref val="0"/>
          <dgm:bulletEnabled val="1"/>
        </dgm:presLayoutVars>
      </dgm:prSet>
      <dgm:spPr/>
    </dgm:pt>
  </dgm:ptLst>
  <dgm:cxnLst>
    <dgm:cxn modelId="{3704E300-AD2D-4795-95A0-1C186F24FC15}" type="presOf" srcId="{0FF9BCA3-165C-4BC0-80E5-4B5EF89BFB7D}" destId="{A0E8BF3F-8ED2-4EE6-93FA-E15DEA01C2A1}" srcOrd="0" destOrd="0" presId="urn:microsoft.com/office/officeart/2008/layout/SquareAccentList"/>
    <dgm:cxn modelId="{4C221506-55F4-4397-A7CC-35CBB68BEFBB}" type="presOf" srcId="{F866899F-B177-4961-A8FA-045F948761C9}" destId="{A5F6C7F3-AD48-49E9-B661-344CDEA556FE}" srcOrd="0" destOrd="0" presId="urn:microsoft.com/office/officeart/2008/layout/SquareAccentList"/>
    <dgm:cxn modelId="{AA42CE06-E5D2-46C2-A201-646F8DF9533D}" srcId="{9E2033D5-F635-4215-96FB-F145B6B9844E}" destId="{0FF9BCA3-165C-4BC0-80E5-4B5EF89BFB7D}" srcOrd="0" destOrd="0" parTransId="{C502B687-2174-4461-ABC2-84B986766BED}" sibTransId="{F657C0B0-E9F0-4118-A18B-C4A4E578DF98}"/>
    <dgm:cxn modelId="{5186370E-15EF-43C7-8164-F8BF882C665E}" type="presOf" srcId="{8AE744FF-4AC5-40AE-A5A3-850A9F900079}" destId="{54150E8D-F63B-4280-A7E9-843945D84885}" srcOrd="0" destOrd="0" presId="urn:microsoft.com/office/officeart/2008/layout/SquareAccentList"/>
    <dgm:cxn modelId="{992E4911-9958-48B2-A310-9423326489DB}" type="presOf" srcId="{F0F4CF51-EB10-430F-8682-FCDF0A7B4548}" destId="{9E20F36B-6341-426D-B59E-2DFC0112FF2D}" srcOrd="0" destOrd="0" presId="urn:microsoft.com/office/officeart/2008/layout/SquareAccentList"/>
    <dgm:cxn modelId="{025C3F12-D615-4734-A889-E437F2C8ED83}" srcId="{41DF8973-FB93-47C3-85F5-C019172A92BD}" destId="{845C2A4F-702E-45BE-B91E-411FF7E3821B}" srcOrd="1" destOrd="0" parTransId="{95478448-B001-46B8-BF4E-9D807D47FD69}" sibTransId="{AF1364E3-5B73-4758-9545-F6AB3759CA10}"/>
    <dgm:cxn modelId="{9396E120-2D8E-4957-9651-2593D5087975}" srcId="{F0F4CF51-EB10-430F-8682-FCDF0A7B4548}" destId="{F6B3A342-680B-4E50-B195-60BF2CBB1E84}" srcOrd="0" destOrd="0" parTransId="{A6AE79C2-4A59-4593-82B3-EB5F4C7FB417}" sibTransId="{711DEA9F-55F1-402E-A07A-121B4640D6A8}"/>
    <dgm:cxn modelId="{1D2C1E37-9339-4126-BB64-354867DED727}" type="presOf" srcId="{CBCC504F-0FAB-487F-876D-E929F8569590}" destId="{A599F635-F6F1-4B6C-8F85-CE3966A9A3D7}" srcOrd="0" destOrd="0" presId="urn:microsoft.com/office/officeart/2008/layout/SquareAccentList"/>
    <dgm:cxn modelId="{B4650A3A-C743-4BB1-B97E-B06B1FB1820F}" srcId="{F0F4CF51-EB10-430F-8682-FCDF0A7B4548}" destId="{F866899F-B177-4961-A8FA-045F948761C9}" srcOrd="1" destOrd="0" parTransId="{43D14D20-6011-464E-B4D5-023BBA0629A8}" sibTransId="{94A69576-2B2C-4401-B23B-3D2BEDCCD034}"/>
    <dgm:cxn modelId="{BC0E3063-B43F-4973-9C20-3934B48C8CC8}" srcId="{41DF8973-FB93-47C3-85F5-C019172A92BD}" destId="{8AE744FF-4AC5-40AE-A5A3-850A9F900079}" srcOrd="0" destOrd="0" parTransId="{DD3568E7-D119-4359-B9C8-09FAA7EE1C9B}" sibTransId="{6943A720-1CD2-48DF-994D-FCF6C0E69039}"/>
    <dgm:cxn modelId="{BB8BFF46-8A67-4938-8DC5-0B6EC5C3D341}" srcId="{CBCC504F-0FAB-487F-876D-E929F8569590}" destId="{BBFAD4F7-7A42-458B-9CCE-AE2455D9FB57}" srcOrd="2" destOrd="0" parTransId="{3B0F0792-B36D-4E15-99CD-C83452BB41C3}" sibTransId="{1805E9EA-2536-4F7E-83BE-23F8493324CE}"/>
    <dgm:cxn modelId="{6B0E8268-B364-4227-9832-3B2AEA688A76}" type="presOf" srcId="{7E080A7D-863D-4A7B-8131-1D11D254A7C3}" destId="{A29E1ABD-38E9-4122-AB5D-E3B382E53D91}" srcOrd="0" destOrd="0" presId="urn:microsoft.com/office/officeart/2008/layout/SquareAccentList"/>
    <dgm:cxn modelId="{DF3F464B-70A4-45DE-8921-03E030BC1ECE}" srcId="{BBFAD4F7-7A42-458B-9CCE-AE2455D9FB57}" destId="{14BF2279-413B-4801-817A-3168EFE61214}" srcOrd="1" destOrd="0" parTransId="{870DB1E7-045F-478E-A187-B0DD32616ADC}" sibTransId="{A80EB7F8-8F9C-44C0-9293-FB4E048393A9}"/>
    <dgm:cxn modelId="{2B79A650-8B16-422B-ADA2-D04F8A636ED2}" type="presOf" srcId="{CA5B398A-0427-45CA-A9ED-999768261E2D}" destId="{C08B10B3-4157-473A-87B3-19042EBC2BE8}" srcOrd="0" destOrd="0" presId="urn:microsoft.com/office/officeart/2008/layout/SquareAccentList"/>
    <dgm:cxn modelId="{EB40E17C-F0B8-4C39-A271-0D8A41B36C0E}" srcId="{CBCC504F-0FAB-487F-876D-E929F8569590}" destId="{9E2033D5-F635-4215-96FB-F145B6B9844E}" srcOrd="0" destOrd="0" parTransId="{89ACCFF9-38F4-4B4A-BE09-9E4EFE75CE68}" sibTransId="{7C014077-7B55-4E6F-84BC-C8E3732C7C22}"/>
    <dgm:cxn modelId="{183DD78D-4000-4E3C-A537-E185A3734451}" srcId="{9E2033D5-F635-4215-96FB-F145B6B9844E}" destId="{CA5B398A-0427-45CA-A9ED-999768261E2D}" srcOrd="1" destOrd="0" parTransId="{35F83DFD-121E-4B14-BEA7-04BB43F85948}" sibTransId="{93B68C54-50D7-4A05-ABDE-F5224031F682}"/>
    <dgm:cxn modelId="{7D3187A3-4D3D-416A-A84E-23946AFE1E45}" type="presOf" srcId="{9E2033D5-F635-4215-96FB-F145B6B9844E}" destId="{0FB009D7-0D00-48D7-9705-0CE6B3B55410}" srcOrd="0" destOrd="0" presId="urn:microsoft.com/office/officeart/2008/layout/SquareAccentList"/>
    <dgm:cxn modelId="{E92361A4-7CBB-4575-9AB7-356A863AEA30}" type="presOf" srcId="{14BF2279-413B-4801-817A-3168EFE61214}" destId="{7BD8F459-D983-443D-B72E-0D697FF2C955}" srcOrd="0" destOrd="0" presId="urn:microsoft.com/office/officeart/2008/layout/SquareAccentList"/>
    <dgm:cxn modelId="{3CE7F1AD-3851-4D3A-A2CB-ABAB17954F5E}" type="presOf" srcId="{845C2A4F-702E-45BE-B91E-411FF7E3821B}" destId="{2097BE7D-1331-4798-999D-E10BE3BA20E1}" srcOrd="0" destOrd="0" presId="urn:microsoft.com/office/officeart/2008/layout/SquareAccentList"/>
    <dgm:cxn modelId="{5D43CFAF-E968-466D-A760-530556458080}" type="presOf" srcId="{BBFAD4F7-7A42-458B-9CCE-AE2455D9FB57}" destId="{DA6639BF-064B-442E-A6A2-7D5B443B69B3}" srcOrd="0" destOrd="0" presId="urn:microsoft.com/office/officeart/2008/layout/SquareAccentList"/>
    <dgm:cxn modelId="{17805DC0-87A6-422C-8A5D-D96BA31E2466}" srcId="{CBCC504F-0FAB-487F-876D-E929F8569590}" destId="{41DF8973-FB93-47C3-85F5-C019172A92BD}" srcOrd="1" destOrd="0" parTransId="{13360191-42C9-481B-B781-AA39990417AC}" sibTransId="{3D2B7D01-A080-4F3E-A510-B96A9A8E3E61}"/>
    <dgm:cxn modelId="{FEA880C3-3CED-4245-A9E5-72D78398D71E}" srcId="{CBCC504F-0FAB-487F-876D-E929F8569590}" destId="{F0F4CF51-EB10-430F-8682-FCDF0A7B4548}" srcOrd="3" destOrd="0" parTransId="{8BFB1482-2250-4E86-9297-43274DA2C978}" sibTransId="{AFA69A39-E1C8-426E-839F-972C7AE16211}"/>
    <dgm:cxn modelId="{1D72F1C5-3113-407D-96A2-3BEECAA239C8}" srcId="{BBFAD4F7-7A42-458B-9CCE-AE2455D9FB57}" destId="{7E080A7D-863D-4A7B-8131-1D11D254A7C3}" srcOrd="0" destOrd="0" parTransId="{437472BB-FA4B-4F9F-9A2E-2218712CDCC1}" sibTransId="{37FF4EDF-E762-4083-83DC-4975C181565C}"/>
    <dgm:cxn modelId="{21222DEE-C460-43F0-BBF0-1C3764E41573}" type="presOf" srcId="{41DF8973-FB93-47C3-85F5-C019172A92BD}" destId="{2E82E7FE-7CBE-4681-BB8E-03781C74E3A9}" srcOrd="0" destOrd="0" presId="urn:microsoft.com/office/officeart/2008/layout/SquareAccentList"/>
    <dgm:cxn modelId="{B6798CEE-339D-4495-8852-58423ED3118C}" type="presOf" srcId="{F6B3A342-680B-4E50-B195-60BF2CBB1E84}" destId="{C6BBC36D-42FC-4F17-8E18-1409E3F023B1}" srcOrd="0" destOrd="0" presId="urn:microsoft.com/office/officeart/2008/layout/SquareAccentList"/>
    <dgm:cxn modelId="{4552B9B9-175F-416E-991D-FB434B23FEB8}" type="presParOf" srcId="{A599F635-F6F1-4B6C-8F85-CE3966A9A3D7}" destId="{473EC83D-3203-465C-8AE4-248D3B4B96DD}" srcOrd="0" destOrd="0" presId="urn:microsoft.com/office/officeart/2008/layout/SquareAccentList"/>
    <dgm:cxn modelId="{099F1595-E5F8-4DAE-8046-09537E009609}" type="presParOf" srcId="{473EC83D-3203-465C-8AE4-248D3B4B96DD}" destId="{09FA022E-00BE-4B78-8797-A3F21DFF0444}" srcOrd="0" destOrd="0" presId="urn:microsoft.com/office/officeart/2008/layout/SquareAccentList"/>
    <dgm:cxn modelId="{8E3C404F-BF38-4682-B1FF-FB19A224E3FB}" type="presParOf" srcId="{09FA022E-00BE-4B78-8797-A3F21DFF0444}" destId="{174BB2E2-1A2C-4369-B34D-EDD0E3CF3C24}" srcOrd="0" destOrd="0" presId="urn:microsoft.com/office/officeart/2008/layout/SquareAccentList"/>
    <dgm:cxn modelId="{E4DBA06D-2A64-4596-84D3-AAABD60506B3}" type="presParOf" srcId="{09FA022E-00BE-4B78-8797-A3F21DFF0444}" destId="{26289473-1970-40FD-ABD8-3BC05B1708A3}" srcOrd="1" destOrd="0" presId="urn:microsoft.com/office/officeart/2008/layout/SquareAccentList"/>
    <dgm:cxn modelId="{3872159C-00C0-4A90-8966-F09638690117}" type="presParOf" srcId="{09FA022E-00BE-4B78-8797-A3F21DFF0444}" destId="{0FB009D7-0D00-48D7-9705-0CE6B3B55410}" srcOrd="2" destOrd="0" presId="urn:microsoft.com/office/officeart/2008/layout/SquareAccentList"/>
    <dgm:cxn modelId="{5A8C7A21-1A70-42A3-B996-B247A1CA6775}" type="presParOf" srcId="{473EC83D-3203-465C-8AE4-248D3B4B96DD}" destId="{E346B8BA-EE07-4C2B-9C19-F3C500ACF940}" srcOrd="1" destOrd="0" presId="urn:microsoft.com/office/officeart/2008/layout/SquareAccentList"/>
    <dgm:cxn modelId="{06F222E6-F6E3-4907-818C-EADB4000EC6F}" type="presParOf" srcId="{E346B8BA-EE07-4C2B-9C19-F3C500ACF940}" destId="{24302DE6-78BE-43FF-AE9B-A56EA5CEBFE2}" srcOrd="0" destOrd="0" presId="urn:microsoft.com/office/officeart/2008/layout/SquareAccentList"/>
    <dgm:cxn modelId="{1CD1F0C9-BB33-4AF5-9220-89338B01B347}" type="presParOf" srcId="{24302DE6-78BE-43FF-AE9B-A56EA5CEBFE2}" destId="{05B89CAE-50E4-4C34-8A53-0BB8ECD59584}" srcOrd="0" destOrd="0" presId="urn:microsoft.com/office/officeart/2008/layout/SquareAccentList"/>
    <dgm:cxn modelId="{1CC6C178-3384-4D2C-9042-F55404D54CFA}" type="presParOf" srcId="{24302DE6-78BE-43FF-AE9B-A56EA5CEBFE2}" destId="{A0E8BF3F-8ED2-4EE6-93FA-E15DEA01C2A1}" srcOrd="1" destOrd="0" presId="urn:microsoft.com/office/officeart/2008/layout/SquareAccentList"/>
    <dgm:cxn modelId="{9840C795-DEB2-4994-A64C-65C21A57E367}" type="presParOf" srcId="{E346B8BA-EE07-4C2B-9C19-F3C500ACF940}" destId="{BFB3C2D2-1CC0-4CDF-9837-76D5BFCDBE58}" srcOrd="1" destOrd="0" presId="urn:microsoft.com/office/officeart/2008/layout/SquareAccentList"/>
    <dgm:cxn modelId="{15E3C5A4-BD38-4567-8133-675EEF6EBCF3}" type="presParOf" srcId="{BFB3C2D2-1CC0-4CDF-9837-76D5BFCDBE58}" destId="{AAF74BA7-AACB-4FB3-BF7C-A6442E3FAC1D}" srcOrd="0" destOrd="0" presId="urn:microsoft.com/office/officeart/2008/layout/SquareAccentList"/>
    <dgm:cxn modelId="{16E74405-2907-4B03-9F7D-1B10FB6B6449}" type="presParOf" srcId="{BFB3C2D2-1CC0-4CDF-9837-76D5BFCDBE58}" destId="{C08B10B3-4157-473A-87B3-19042EBC2BE8}" srcOrd="1" destOrd="0" presId="urn:microsoft.com/office/officeart/2008/layout/SquareAccentList"/>
    <dgm:cxn modelId="{24C64595-FE21-4DC8-9BD9-FB252801A886}" type="presParOf" srcId="{A599F635-F6F1-4B6C-8F85-CE3966A9A3D7}" destId="{0C84703F-58D5-4634-A678-49CD320980BC}" srcOrd="1" destOrd="0" presId="urn:microsoft.com/office/officeart/2008/layout/SquareAccentList"/>
    <dgm:cxn modelId="{84FAF4AE-AFD3-4535-9D7E-2E48551D6877}" type="presParOf" srcId="{0C84703F-58D5-4634-A678-49CD320980BC}" destId="{58E630FE-B2FB-45F1-B0EC-25CA4BA68912}" srcOrd="0" destOrd="0" presId="urn:microsoft.com/office/officeart/2008/layout/SquareAccentList"/>
    <dgm:cxn modelId="{D3CB0130-D38D-4C53-BA5A-D3C461A9A739}" type="presParOf" srcId="{58E630FE-B2FB-45F1-B0EC-25CA4BA68912}" destId="{3052B30D-387A-4F2E-98A9-5CF41C027005}" srcOrd="0" destOrd="0" presId="urn:microsoft.com/office/officeart/2008/layout/SquareAccentList"/>
    <dgm:cxn modelId="{6623A570-1CFE-48BF-9550-E0158FC47C5D}" type="presParOf" srcId="{58E630FE-B2FB-45F1-B0EC-25CA4BA68912}" destId="{44448B12-9AD1-45BC-95D9-0BAA820F162B}" srcOrd="1" destOrd="0" presId="urn:microsoft.com/office/officeart/2008/layout/SquareAccentList"/>
    <dgm:cxn modelId="{4F1A94A4-21FF-468D-8852-69969A76C198}" type="presParOf" srcId="{58E630FE-B2FB-45F1-B0EC-25CA4BA68912}" destId="{2E82E7FE-7CBE-4681-BB8E-03781C74E3A9}" srcOrd="2" destOrd="0" presId="urn:microsoft.com/office/officeart/2008/layout/SquareAccentList"/>
    <dgm:cxn modelId="{349AFD42-D20B-4851-BC67-C21975D69A14}" type="presParOf" srcId="{0C84703F-58D5-4634-A678-49CD320980BC}" destId="{5A6DFFEA-4E9C-4CC6-B1B7-744ED2517955}" srcOrd="1" destOrd="0" presId="urn:microsoft.com/office/officeart/2008/layout/SquareAccentList"/>
    <dgm:cxn modelId="{1CFE34EB-B33B-4EBA-BE2E-724CBEF135A9}" type="presParOf" srcId="{5A6DFFEA-4E9C-4CC6-B1B7-744ED2517955}" destId="{790A9A0D-CEA4-42FD-BC15-253F8826CA2A}" srcOrd="0" destOrd="0" presId="urn:microsoft.com/office/officeart/2008/layout/SquareAccentList"/>
    <dgm:cxn modelId="{736EAE6E-464C-4141-8790-2BDC354D0D49}" type="presParOf" srcId="{790A9A0D-CEA4-42FD-BC15-253F8826CA2A}" destId="{2D28A931-7B04-4331-8342-A8F0ED7B5ED1}" srcOrd="0" destOrd="0" presId="urn:microsoft.com/office/officeart/2008/layout/SquareAccentList"/>
    <dgm:cxn modelId="{DEBC3339-DD17-4B63-A349-36DD52F8F817}" type="presParOf" srcId="{790A9A0D-CEA4-42FD-BC15-253F8826CA2A}" destId="{54150E8D-F63B-4280-A7E9-843945D84885}" srcOrd="1" destOrd="0" presId="urn:microsoft.com/office/officeart/2008/layout/SquareAccentList"/>
    <dgm:cxn modelId="{8C10727B-362A-494F-A986-8EE005DE3424}" type="presParOf" srcId="{5A6DFFEA-4E9C-4CC6-B1B7-744ED2517955}" destId="{ACA3A276-6531-4CDD-A301-4B97171A5935}" srcOrd="1" destOrd="0" presId="urn:microsoft.com/office/officeart/2008/layout/SquareAccentList"/>
    <dgm:cxn modelId="{A04A55DD-BDC6-4F0D-8074-1FD2187EAE85}" type="presParOf" srcId="{ACA3A276-6531-4CDD-A301-4B97171A5935}" destId="{17FFE0F8-9577-4DF8-A9AA-EC0F3F1F1C00}" srcOrd="0" destOrd="0" presId="urn:microsoft.com/office/officeart/2008/layout/SquareAccentList"/>
    <dgm:cxn modelId="{AF7E71EE-2ED5-49DA-853B-78D19A426F94}" type="presParOf" srcId="{ACA3A276-6531-4CDD-A301-4B97171A5935}" destId="{2097BE7D-1331-4798-999D-E10BE3BA20E1}" srcOrd="1" destOrd="0" presId="urn:microsoft.com/office/officeart/2008/layout/SquareAccentList"/>
    <dgm:cxn modelId="{25012CCF-A861-4C8F-87E5-DFE47AA0CEE9}" type="presParOf" srcId="{A599F635-F6F1-4B6C-8F85-CE3966A9A3D7}" destId="{794BB7B5-400D-4744-8730-F8C4E12B6FD0}" srcOrd="2" destOrd="0" presId="urn:microsoft.com/office/officeart/2008/layout/SquareAccentList"/>
    <dgm:cxn modelId="{5EB7ABB0-BECB-4AC9-9A80-990CF316CFE7}" type="presParOf" srcId="{794BB7B5-400D-4744-8730-F8C4E12B6FD0}" destId="{27138204-0818-4AAA-9EC4-B404990B8EB1}" srcOrd="0" destOrd="0" presId="urn:microsoft.com/office/officeart/2008/layout/SquareAccentList"/>
    <dgm:cxn modelId="{2B52D03C-FCB3-4EF5-81C0-B6285AF30EF4}" type="presParOf" srcId="{27138204-0818-4AAA-9EC4-B404990B8EB1}" destId="{29F28738-C335-4640-979D-C594852104CB}" srcOrd="0" destOrd="0" presId="urn:microsoft.com/office/officeart/2008/layout/SquareAccentList"/>
    <dgm:cxn modelId="{0DCDEDF2-669A-4022-87A5-830663CF102B}" type="presParOf" srcId="{27138204-0818-4AAA-9EC4-B404990B8EB1}" destId="{DAED4ECF-07D2-4B76-A92A-7320938073D3}" srcOrd="1" destOrd="0" presId="urn:microsoft.com/office/officeart/2008/layout/SquareAccentList"/>
    <dgm:cxn modelId="{36F0C342-22BC-4421-9437-898D40132169}" type="presParOf" srcId="{27138204-0818-4AAA-9EC4-B404990B8EB1}" destId="{DA6639BF-064B-442E-A6A2-7D5B443B69B3}" srcOrd="2" destOrd="0" presId="urn:microsoft.com/office/officeart/2008/layout/SquareAccentList"/>
    <dgm:cxn modelId="{A2DE4F59-FEA7-4EBB-933F-DC587D482B4E}" type="presParOf" srcId="{794BB7B5-400D-4744-8730-F8C4E12B6FD0}" destId="{536EFFA3-A096-4A89-98D1-D191CCEC2AB4}" srcOrd="1" destOrd="0" presId="urn:microsoft.com/office/officeart/2008/layout/SquareAccentList"/>
    <dgm:cxn modelId="{315E3F39-68A0-4330-BA6C-9572B6404167}" type="presParOf" srcId="{536EFFA3-A096-4A89-98D1-D191CCEC2AB4}" destId="{90B199F2-73DF-49EA-8ABC-7BFCA4C871AA}" srcOrd="0" destOrd="0" presId="urn:microsoft.com/office/officeart/2008/layout/SquareAccentList"/>
    <dgm:cxn modelId="{3E3DAADA-0AC5-45E5-9BEA-8D44AECB10A4}" type="presParOf" srcId="{90B199F2-73DF-49EA-8ABC-7BFCA4C871AA}" destId="{40C1D052-A0AC-4C34-B7B5-7D01107B3091}" srcOrd="0" destOrd="0" presId="urn:microsoft.com/office/officeart/2008/layout/SquareAccentList"/>
    <dgm:cxn modelId="{8530C124-B2EC-4E40-82E6-310B72891EB7}" type="presParOf" srcId="{90B199F2-73DF-49EA-8ABC-7BFCA4C871AA}" destId="{A29E1ABD-38E9-4122-AB5D-E3B382E53D91}" srcOrd="1" destOrd="0" presId="urn:microsoft.com/office/officeart/2008/layout/SquareAccentList"/>
    <dgm:cxn modelId="{3F5AF16F-B0D1-47A0-8B70-A7336D71BAE8}" type="presParOf" srcId="{536EFFA3-A096-4A89-98D1-D191CCEC2AB4}" destId="{54080F3B-280F-4928-868F-E9086258C30F}" srcOrd="1" destOrd="0" presId="urn:microsoft.com/office/officeart/2008/layout/SquareAccentList"/>
    <dgm:cxn modelId="{C0239B1E-C882-45DA-BEE6-6B6B6704DD49}" type="presParOf" srcId="{54080F3B-280F-4928-868F-E9086258C30F}" destId="{5D88B41A-B852-4216-B824-3DD3D078FBE5}" srcOrd="0" destOrd="0" presId="urn:microsoft.com/office/officeart/2008/layout/SquareAccentList"/>
    <dgm:cxn modelId="{110CF9A8-72D6-4D0F-AC5C-325FAAAB3519}" type="presParOf" srcId="{54080F3B-280F-4928-868F-E9086258C30F}" destId="{7BD8F459-D983-443D-B72E-0D697FF2C955}" srcOrd="1" destOrd="0" presId="urn:microsoft.com/office/officeart/2008/layout/SquareAccentList"/>
    <dgm:cxn modelId="{4851AE7B-2870-439D-891B-008839F62E26}" type="presParOf" srcId="{A599F635-F6F1-4B6C-8F85-CE3966A9A3D7}" destId="{027EB51C-9014-4D74-8B07-D1F7A46C6AB4}" srcOrd="3" destOrd="0" presId="urn:microsoft.com/office/officeart/2008/layout/SquareAccentList"/>
    <dgm:cxn modelId="{468D2BF7-554F-473A-A27B-60929C589ABE}" type="presParOf" srcId="{027EB51C-9014-4D74-8B07-D1F7A46C6AB4}" destId="{5333A6EA-8723-4D63-B225-3511B4765884}" srcOrd="0" destOrd="0" presId="urn:microsoft.com/office/officeart/2008/layout/SquareAccentList"/>
    <dgm:cxn modelId="{779CC467-1F5A-4890-B389-E5888949BA33}" type="presParOf" srcId="{5333A6EA-8723-4D63-B225-3511B4765884}" destId="{1B07B947-D3CF-4DAE-A061-893D70C377E0}" srcOrd="0" destOrd="0" presId="urn:microsoft.com/office/officeart/2008/layout/SquareAccentList"/>
    <dgm:cxn modelId="{220A4811-EAAF-4C93-8DC2-2187B07ECF0A}" type="presParOf" srcId="{5333A6EA-8723-4D63-B225-3511B4765884}" destId="{52F98EF3-5A7A-4DFD-A3F4-0EE43CD96BBC}" srcOrd="1" destOrd="0" presId="urn:microsoft.com/office/officeart/2008/layout/SquareAccentList"/>
    <dgm:cxn modelId="{51C2C362-491B-4A9F-AF6D-9F9A94203B05}" type="presParOf" srcId="{5333A6EA-8723-4D63-B225-3511B4765884}" destId="{9E20F36B-6341-426D-B59E-2DFC0112FF2D}" srcOrd="2" destOrd="0" presId="urn:microsoft.com/office/officeart/2008/layout/SquareAccentList"/>
    <dgm:cxn modelId="{CE30ECF5-69B9-44CE-8F27-906BFDF15A71}" type="presParOf" srcId="{027EB51C-9014-4D74-8B07-D1F7A46C6AB4}" destId="{54FE2B4D-8851-41BD-B645-77C1539D6983}" srcOrd="1" destOrd="0" presId="urn:microsoft.com/office/officeart/2008/layout/SquareAccentList"/>
    <dgm:cxn modelId="{5925B306-5F6B-42FF-BB61-1F4D40558231}" type="presParOf" srcId="{54FE2B4D-8851-41BD-B645-77C1539D6983}" destId="{E1F5E64A-49FA-40E7-B7F4-2ABEE4AB86C1}" srcOrd="0" destOrd="0" presId="urn:microsoft.com/office/officeart/2008/layout/SquareAccentList"/>
    <dgm:cxn modelId="{CF0815B5-E9EE-45C6-904F-353FEFBFEB23}" type="presParOf" srcId="{E1F5E64A-49FA-40E7-B7F4-2ABEE4AB86C1}" destId="{282AF4DD-8B00-432B-8B68-771FBB908657}" srcOrd="0" destOrd="0" presId="urn:microsoft.com/office/officeart/2008/layout/SquareAccentList"/>
    <dgm:cxn modelId="{DCDF0A23-40C3-4C5A-B195-74B04E4A0577}" type="presParOf" srcId="{E1F5E64A-49FA-40E7-B7F4-2ABEE4AB86C1}" destId="{C6BBC36D-42FC-4F17-8E18-1409E3F023B1}" srcOrd="1" destOrd="0" presId="urn:microsoft.com/office/officeart/2008/layout/SquareAccentList"/>
    <dgm:cxn modelId="{B530223A-F24D-4109-ACB3-8294E74A83CE}" type="presParOf" srcId="{54FE2B4D-8851-41BD-B645-77C1539D6983}" destId="{306A3F2E-61DF-4923-8A03-105E63BFC878}" srcOrd="1" destOrd="0" presId="urn:microsoft.com/office/officeart/2008/layout/SquareAccentList"/>
    <dgm:cxn modelId="{34B3D391-CE2F-44B9-9426-D865362116F3}" type="presParOf" srcId="{306A3F2E-61DF-4923-8A03-105E63BFC878}" destId="{A9F6BD8B-4B18-487F-8335-9E442FD73E4A}" srcOrd="0" destOrd="0" presId="urn:microsoft.com/office/officeart/2008/layout/SquareAccentList"/>
    <dgm:cxn modelId="{7E5C7AAF-92F9-447B-B895-E03D12E9ADD9}" type="presParOf" srcId="{306A3F2E-61DF-4923-8A03-105E63BFC878}" destId="{A5F6C7F3-AD48-49E9-B661-344CDEA556FE}" srcOrd="1" destOrd="0" presId="urn:microsoft.com/office/officeart/2008/layout/Squa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A7E6A0BE-2582-4224-B201-4AB64FABEEC9}" type="doc">
      <dgm:prSet loTypeId="urn:microsoft.com/office/officeart/2016/7/layout/VerticalSolidActionList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687A8C4B-5609-40BD-8436-9628C173F054}">
      <dgm:prSet/>
      <dgm:spPr>
        <a:solidFill>
          <a:schemeClr val="accent2"/>
        </a:solidFill>
        <a:ln>
          <a:solidFill>
            <a:schemeClr val="accent2"/>
          </a:solidFill>
        </a:ln>
      </dgm:spPr>
      <dgm:t>
        <a:bodyPr/>
        <a:lstStyle/>
        <a:p>
          <a:r>
            <a:rPr lang="en-US" dirty="0"/>
            <a:t>verb</a:t>
          </a:r>
        </a:p>
      </dgm:t>
    </dgm:pt>
    <dgm:pt modelId="{2062F001-5A8F-482A-A891-C985D6213A93}" type="parTrans" cxnId="{3853DBE9-2481-416C-AE99-E99E18A02063}">
      <dgm:prSet/>
      <dgm:spPr/>
      <dgm:t>
        <a:bodyPr/>
        <a:lstStyle/>
        <a:p>
          <a:endParaRPr lang="en-US"/>
        </a:p>
      </dgm:t>
    </dgm:pt>
    <dgm:pt modelId="{7AB0492D-67B0-4AC4-B628-E85B0E173C6B}" type="sibTrans" cxnId="{3853DBE9-2481-416C-AE99-E99E18A02063}">
      <dgm:prSet/>
      <dgm:spPr/>
      <dgm:t>
        <a:bodyPr/>
        <a:lstStyle/>
        <a:p>
          <a:endParaRPr lang="en-US"/>
        </a:p>
      </dgm:t>
    </dgm:pt>
    <dgm:pt modelId="{35C2EB51-EFAC-4349-BA5C-C47DE79022C2}">
      <dgm:prSet/>
      <dgm:spPr/>
      <dgm:t>
        <a:bodyPr/>
        <a:lstStyle/>
        <a:p>
          <a:r>
            <a:rPr lang="en-US"/>
            <a:t>Outcome description</a:t>
          </a:r>
          <a:endParaRPr lang="en-US" dirty="0"/>
        </a:p>
      </dgm:t>
    </dgm:pt>
    <dgm:pt modelId="{1558F9BF-52FC-4E29-9D64-CBA0AD7E9047}" type="parTrans" cxnId="{E3AEF484-A680-48ED-A109-4107DCD2A742}">
      <dgm:prSet/>
      <dgm:spPr/>
      <dgm:t>
        <a:bodyPr/>
        <a:lstStyle/>
        <a:p>
          <a:endParaRPr lang="en-US"/>
        </a:p>
      </dgm:t>
    </dgm:pt>
    <dgm:pt modelId="{904D8230-4027-472B-9DDA-25EC6846A52C}" type="sibTrans" cxnId="{E3AEF484-A680-48ED-A109-4107DCD2A742}">
      <dgm:prSet/>
      <dgm:spPr/>
      <dgm:t>
        <a:bodyPr/>
        <a:lstStyle/>
        <a:p>
          <a:endParaRPr lang="en-US"/>
        </a:p>
      </dgm:t>
    </dgm:pt>
    <dgm:pt modelId="{03E2082B-4A1B-4DB0-A0DD-BC58D5B7AC5E}">
      <dgm:prSet/>
      <dgm:spPr>
        <a:solidFill>
          <a:schemeClr val="bg2"/>
        </a:solidFill>
        <a:ln>
          <a:solidFill>
            <a:schemeClr val="bg2"/>
          </a:solidFill>
        </a:ln>
      </dgm:spPr>
      <dgm:t>
        <a:bodyPr/>
        <a:lstStyle/>
        <a:p>
          <a:r>
            <a:rPr lang="en-US" dirty="0"/>
            <a:t>verb</a:t>
          </a:r>
        </a:p>
      </dgm:t>
    </dgm:pt>
    <dgm:pt modelId="{4660473B-1007-4103-B5EC-C64273DD94A1}" type="parTrans" cxnId="{80A40C2B-8740-4D70-BAD7-5F61051C1E92}">
      <dgm:prSet/>
      <dgm:spPr/>
      <dgm:t>
        <a:bodyPr/>
        <a:lstStyle/>
        <a:p>
          <a:endParaRPr lang="en-US"/>
        </a:p>
      </dgm:t>
    </dgm:pt>
    <dgm:pt modelId="{05C2F544-771B-4219-9F63-5514D6A62317}" type="sibTrans" cxnId="{80A40C2B-8740-4D70-BAD7-5F61051C1E92}">
      <dgm:prSet/>
      <dgm:spPr/>
      <dgm:t>
        <a:bodyPr/>
        <a:lstStyle/>
        <a:p>
          <a:endParaRPr lang="en-US"/>
        </a:p>
      </dgm:t>
    </dgm:pt>
    <dgm:pt modelId="{11111F6B-024F-40B1-90F9-836A4BC1D166}">
      <dgm:prSet/>
      <dgm:spPr/>
      <dgm:t>
        <a:bodyPr/>
        <a:lstStyle/>
        <a:p>
          <a:r>
            <a:rPr lang="en-US" dirty="0"/>
            <a:t>Outcome description</a:t>
          </a:r>
        </a:p>
      </dgm:t>
    </dgm:pt>
    <dgm:pt modelId="{32262A54-9553-4D51-B2F6-42E4A7682BE6}" type="parTrans" cxnId="{8E4505E2-B876-4A60-AE29-D944344C4D85}">
      <dgm:prSet/>
      <dgm:spPr/>
      <dgm:t>
        <a:bodyPr/>
        <a:lstStyle/>
        <a:p>
          <a:endParaRPr lang="en-US"/>
        </a:p>
      </dgm:t>
    </dgm:pt>
    <dgm:pt modelId="{7BB4BF43-6E82-4BC6-805C-4FDCCA3DD2E6}" type="sibTrans" cxnId="{8E4505E2-B876-4A60-AE29-D944344C4D85}">
      <dgm:prSet/>
      <dgm:spPr/>
      <dgm:t>
        <a:bodyPr/>
        <a:lstStyle/>
        <a:p>
          <a:endParaRPr lang="en-US"/>
        </a:p>
      </dgm:t>
    </dgm:pt>
    <dgm:pt modelId="{3BFDFDC1-CDD9-4283-AC87-2BD1FAC24BC5}">
      <dgm:prSet/>
      <dgm:spPr/>
      <dgm:t>
        <a:bodyPr/>
        <a:lstStyle/>
        <a:p>
          <a:r>
            <a:rPr lang="en-US"/>
            <a:t>verb</a:t>
          </a:r>
          <a:endParaRPr lang="en-US" dirty="0"/>
        </a:p>
      </dgm:t>
    </dgm:pt>
    <dgm:pt modelId="{55D79041-93AE-40EB-8CDB-34E09E60D698}" type="parTrans" cxnId="{83CD6B7E-6F34-4747-BBC6-A09B3A7425F7}">
      <dgm:prSet/>
      <dgm:spPr/>
      <dgm:t>
        <a:bodyPr/>
        <a:lstStyle/>
        <a:p>
          <a:endParaRPr lang="en-US"/>
        </a:p>
      </dgm:t>
    </dgm:pt>
    <dgm:pt modelId="{D77505CD-2A4D-4671-ACF1-68010D0E9C82}" type="sibTrans" cxnId="{83CD6B7E-6F34-4747-BBC6-A09B3A7425F7}">
      <dgm:prSet/>
      <dgm:spPr/>
      <dgm:t>
        <a:bodyPr/>
        <a:lstStyle/>
        <a:p>
          <a:endParaRPr lang="en-US"/>
        </a:p>
      </dgm:t>
    </dgm:pt>
    <dgm:pt modelId="{CC3DA13B-40A1-4591-83AC-C023756FB385}">
      <dgm:prSet/>
      <dgm:spPr/>
      <dgm:t>
        <a:bodyPr/>
        <a:lstStyle/>
        <a:p>
          <a:r>
            <a:rPr lang="en-US" dirty="0"/>
            <a:t>Outcome description</a:t>
          </a:r>
        </a:p>
      </dgm:t>
    </dgm:pt>
    <dgm:pt modelId="{FB349654-1297-4FD7-BD8D-7A02836AB787}" type="parTrans" cxnId="{E797E8CB-7CA5-4405-B5E4-C3FF2035D568}">
      <dgm:prSet/>
      <dgm:spPr/>
      <dgm:t>
        <a:bodyPr/>
        <a:lstStyle/>
        <a:p>
          <a:endParaRPr lang="en-US"/>
        </a:p>
      </dgm:t>
    </dgm:pt>
    <dgm:pt modelId="{447C2093-D39F-4C6E-93E2-2319F70FFD4F}" type="sibTrans" cxnId="{E797E8CB-7CA5-4405-B5E4-C3FF2035D568}">
      <dgm:prSet/>
      <dgm:spPr/>
      <dgm:t>
        <a:bodyPr/>
        <a:lstStyle/>
        <a:p>
          <a:endParaRPr lang="en-US"/>
        </a:p>
      </dgm:t>
    </dgm:pt>
    <dgm:pt modelId="{4C535FA6-7F4F-4C9B-9F4D-C4B934CAF648}">
      <dgm:prSet/>
      <dgm:spPr>
        <a:solidFill>
          <a:srgbClr val="03B09C"/>
        </a:solidFill>
        <a:ln>
          <a:solidFill>
            <a:srgbClr val="03B09C"/>
          </a:solidFill>
        </a:ln>
      </dgm:spPr>
      <dgm:t>
        <a:bodyPr/>
        <a:lstStyle/>
        <a:p>
          <a:r>
            <a:rPr lang="en-US"/>
            <a:t>verb</a:t>
          </a:r>
          <a:endParaRPr lang="en-US" dirty="0"/>
        </a:p>
      </dgm:t>
    </dgm:pt>
    <dgm:pt modelId="{CD10C9E9-F6F1-4105-B338-B0CC3C6180B0}" type="parTrans" cxnId="{A05DDFB0-20C3-4FCA-85E1-48B572E073EA}">
      <dgm:prSet/>
      <dgm:spPr/>
      <dgm:t>
        <a:bodyPr/>
        <a:lstStyle/>
        <a:p>
          <a:endParaRPr lang="en-US"/>
        </a:p>
      </dgm:t>
    </dgm:pt>
    <dgm:pt modelId="{C1A6C562-EB38-4507-9CB4-773EC3F2A20F}" type="sibTrans" cxnId="{A05DDFB0-20C3-4FCA-85E1-48B572E073EA}">
      <dgm:prSet/>
      <dgm:spPr/>
      <dgm:t>
        <a:bodyPr/>
        <a:lstStyle/>
        <a:p>
          <a:endParaRPr lang="en-US"/>
        </a:p>
      </dgm:t>
    </dgm:pt>
    <dgm:pt modelId="{74400C66-5463-4459-A3EF-506617496463}">
      <dgm:prSet/>
      <dgm:spPr/>
      <dgm:t>
        <a:bodyPr/>
        <a:lstStyle/>
        <a:p>
          <a:r>
            <a:rPr lang="en-US" dirty="0"/>
            <a:t>Outcome description</a:t>
          </a:r>
        </a:p>
      </dgm:t>
    </dgm:pt>
    <dgm:pt modelId="{02528FB9-C87C-481B-A742-558D5FABFAC4}" type="parTrans" cxnId="{CFC021D6-77BA-4F76-9348-8097AE6FB28F}">
      <dgm:prSet/>
      <dgm:spPr/>
      <dgm:t>
        <a:bodyPr/>
        <a:lstStyle/>
        <a:p>
          <a:endParaRPr lang="en-US"/>
        </a:p>
      </dgm:t>
    </dgm:pt>
    <dgm:pt modelId="{25F44EEC-2080-48F0-BED6-DC347FF0B886}" type="sibTrans" cxnId="{CFC021D6-77BA-4F76-9348-8097AE6FB28F}">
      <dgm:prSet/>
      <dgm:spPr/>
      <dgm:t>
        <a:bodyPr/>
        <a:lstStyle/>
        <a:p>
          <a:endParaRPr lang="en-US"/>
        </a:p>
      </dgm:t>
    </dgm:pt>
    <dgm:pt modelId="{D8854AFF-AB75-4E16-829B-95DCFB3102BF}" type="pres">
      <dgm:prSet presAssocID="{A7E6A0BE-2582-4224-B201-4AB64FABEEC9}" presName="Name0" presStyleCnt="0">
        <dgm:presLayoutVars>
          <dgm:dir/>
          <dgm:animLvl val="lvl"/>
          <dgm:resizeHandles val="exact"/>
        </dgm:presLayoutVars>
      </dgm:prSet>
      <dgm:spPr/>
    </dgm:pt>
    <dgm:pt modelId="{7A6D4D25-5061-44D8-897C-41C74A53646A}" type="pres">
      <dgm:prSet presAssocID="{687A8C4B-5609-40BD-8436-9628C173F054}" presName="linNode" presStyleCnt="0"/>
      <dgm:spPr/>
    </dgm:pt>
    <dgm:pt modelId="{D5682365-F6E0-46A7-84B6-9AC2A9B73050}" type="pres">
      <dgm:prSet presAssocID="{687A8C4B-5609-40BD-8436-9628C173F054}" presName="parentText" presStyleLbl="alignNode1" presStyleIdx="0" presStyleCnt="4">
        <dgm:presLayoutVars>
          <dgm:chMax val="1"/>
          <dgm:bulletEnabled/>
        </dgm:presLayoutVars>
      </dgm:prSet>
      <dgm:spPr/>
    </dgm:pt>
    <dgm:pt modelId="{C21121DA-7DBB-4CF3-B922-4F81CD5DF04E}" type="pres">
      <dgm:prSet presAssocID="{687A8C4B-5609-40BD-8436-9628C173F054}" presName="descendantText" presStyleLbl="alignAccFollowNode1" presStyleIdx="0" presStyleCnt="4">
        <dgm:presLayoutVars>
          <dgm:bulletEnabled/>
        </dgm:presLayoutVars>
      </dgm:prSet>
      <dgm:spPr/>
    </dgm:pt>
    <dgm:pt modelId="{AE71FA42-CFF5-42DF-89EC-A2B9ACCF4B28}" type="pres">
      <dgm:prSet presAssocID="{7AB0492D-67B0-4AC4-B628-E85B0E173C6B}" presName="sp" presStyleCnt="0"/>
      <dgm:spPr/>
    </dgm:pt>
    <dgm:pt modelId="{CE1CC46E-34B6-425D-87B4-BF75A49F5B37}" type="pres">
      <dgm:prSet presAssocID="{03E2082B-4A1B-4DB0-A0DD-BC58D5B7AC5E}" presName="linNode" presStyleCnt="0"/>
      <dgm:spPr/>
    </dgm:pt>
    <dgm:pt modelId="{04EC8E47-C7DD-4FEB-B884-83B8AF4BD083}" type="pres">
      <dgm:prSet presAssocID="{03E2082B-4A1B-4DB0-A0DD-BC58D5B7AC5E}" presName="parentText" presStyleLbl="alignNode1" presStyleIdx="1" presStyleCnt="4">
        <dgm:presLayoutVars>
          <dgm:chMax val="1"/>
          <dgm:bulletEnabled/>
        </dgm:presLayoutVars>
      </dgm:prSet>
      <dgm:spPr/>
    </dgm:pt>
    <dgm:pt modelId="{BC8163C9-505D-4E86-A4FB-039665E95329}" type="pres">
      <dgm:prSet presAssocID="{03E2082B-4A1B-4DB0-A0DD-BC58D5B7AC5E}" presName="descendantText" presStyleLbl="alignAccFollowNode1" presStyleIdx="1" presStyleCnt="4">
        <dgm:presLayoutVars>
          <dgm:bulletEnabled/>
        </dgm:presLayoutVars>
      </dgm:prSet>
      <dgm:spPr/>
    </dgm:pt>
    <dgm:pt modelId="{0E8A8AA0-3840-4DA0-98CF-459714F259AF}" type="pres">
      <dgm:prSet presAssocID="{05C2F544-771B-4219-9F63-5514D6A62317}" presName="sp" presStyleCnt="0"/>
      <dgm:spPr/>
    </dgm:pt>
    <dgm:pt modelId="{5843CFFE-6970-40B2-AE4A-82B33105CC39}" type="pres">
      <dgm:prSet presAssocID="{3BFDFDC1-CDD9-4283-AC87-2BD1FAC24BC5}" presName="linNode" presStyleCnt="0"/>
      <dgm:spPr/>
    </dgm:pt>
    <dgm:pt modelId="{FB32A6EF-B728-4679-98D0-83F499031186}" type="pres">
      <dgm:prSet presAssocID="{3BFDFDC1-CDD9-4283-AC87-2BD1FAC24BC5}" presName="parentText" presStyleLbl="alignNode1" presStyleIdx="2" presStyleCnt="4">
        <dgm:presLayoutVars>
          <dgm:chMax val="1"/>
          <dgm:bulletEnabled/>
        </dgm:presLayoutVars>
      </dgm:prSet>
      <dgm:spPr/>
    </dgm:pt>
    <dgm:pt modelId="{3F430A38-D95C-4966-B5B4-5A2A1C264713}" type="pres">
      <dgm:prSet presAssocID="{3BFDFDC1-CDD9-4283-AC87-2BD1FAC24BC5}" presName="descendantText" presStyleLbl="alignAccFollowNode1" presStyleIdx="2" presStyleCnt="4">
        <dgm:presLayoutVars>
          <dgm:bulletEnabled/>
        </dgm:presLayoutVars>
      </dgm:prSet>
      <dgm:spPr/>
    </dgm:pt>
    <dgm:pt modelId="{883F6381-D1C3-47DB-8B77-0760DE936CF7}" type="pres">
      <dgm:prSet presAssocID="{D77505CD-2A4D-4671-ACF1-68010D0E9C82}" presName="sp" presStyleCnt="0"/>
      <dgm:spPr/>
    </dgm:pt>
    <dgm:pt modelId="{5FFA0094-54F9-4B27-8BC0-BE13BC017A73}" type="pres">
      <dgm:prSet presAssocID="{4C535FA6-7F4F-4C9B-9F4D-C4B934CAF648}" presName="linNode" presStyleCnt="0"/>
      <dgm:spPr/>
    </dgm:pt>
    <dgm:pt modelId="{AACE4CD8-DBC9-4346-B21F-EDBD97CFB3A7}" type="pres">
      <dgm:prSet presAssocID="{4C535FA6-7F4F-4C9B-9F4D-C4B934CAF648}" presName="parentText" presStyleLbl="alignNode1" presStyleIdx="3" presStyleCnt="4">
        <dgm:presLayoutVars>
          <dgm:chMax val="1"/>
          <dgm:bulletEnabled/>
        </dgm:presLayoutVars>
      </dgm:prSet>
      <dgm:spPr/>
    </dgm:pt>
    <dgm:pt modelId="{3282E897-0711-4F9C-B66F-028BB2D640F2}" type="pres">
      <dgm:prSet presAssocID="{4C535FA6-7F4F-4C9B-9F4D-C4B934CAF648}" presName="descendantText" presStyleLbl="alignAccFollowNode1" presStyleIdx="3" presStyleCnt="4">
        <dgm:presLayoutVars>
          <dgm:bulletEnabled/>
        </dgm:presLayoutVars>
      </dgm:prSet>
      <dgm:spPr/>
    </dgm:pt>
  </dgm:ptLst>
  <dgm:cxnLst>
    <dgm:cxn modelId="{23CAAD25-052B-4D81-8E61-7E6D6A09A5C7}" type="presOf" srcId="{CC3DA13B-40A1-4591-83AC-C023756FB385}" destId="{3F430A38-D95C-4966-B5B4-5A2A1C264713}" srcOrd="0" destOrd="0" presId="urn:microsoft.com/office/officeart/2016/7/layout/VerticalSolidActionList"/>
    <dgm:cxn modelId="{80A40C2B-8740-4D70-BAD7-5F61051C1E92}" srcId="{A7E6A0BE-2582-4224-B201-4AB64FABEEC9}" destId="{03E2082B-4A1B-4DB0-A0DD-BC58D5B7AC5E}" srcOrd="1" destOrd="0" parTransId="{4660473B-1007-4103-B5EC-C64273DD94A1}" sibTransId="{05C2F544-771B-4219-9F63-5514D6A62317}"/>
    <dgm:cxn modelId="{F230AE42-CE5B-4CEB-B066-A5744906572D}" type="presOf" srcId="{35C2EB51-EFAC-4349-BA5C-C47DE79022C2}" destId="{C21121DA-7DBB-4CF3-B922-4F81CD5DF04E}" srcOrd="0" destOrd="0" presId="urn:microsoft.com/office/officeart/2016/7/layout/VerticalSolidActionList"/>
    <dgm:cxn modelId="{64D9F973-8E90-4DF9-B9C1-6DBD63877F5E}" type="presOf" srcId="{11111F6B-024F-40B1-90F9-836A4BC1D166}" destId="{BC8163C9-505D-4E86-A4FB-039665E95329}" srcOrd="0" destOrd="0" presId="urn:microsoft.com/office/officeart/2016/7/layout/VerticalSolidActionList"/>
    <dgm:cxn modelId="{E9D71054-1157-46EE-B670-B2EDF9B76036}" type="presOf" srcId="{687A8C4B-5609-40BD-8436-9628C173F054}" destId="{D5682365-F6E0-46A7-84B6-9AC2A9B73050}" srcOrd="0" destOrd="0" presId="urn:microsoft.com/office/officeart/2016/7/layout/VerticalSolidActionList"/>
    <dgm:cxn modelId="{83CD6B7E-6F34-4747-BBC6-A09B3A7425F7}" srcId="{A7E6A0BE-2582-4224-B201-4AB64FABEEC9}" destId="{3BFDFDC1-CDD9-4283-AC87-2BD1FAC24BC5}" srcOrd="2" destOrd="0" parTransId="{55D79041-93AE-40EB-8CDB-34E09E60D698}" sibTransId="{D77505CD-2A4D-4671-ACF1-68010D0E9C82}"/>
    <dgm:cxn modelId="{3E8B0281-080E-4499-823D-AA74D5EC5074}" type="presOf" srcId="{3BFDFDC1-CDD9-4283-AC87-2BD1FAC24BC5}" destId="{FB32A6EF-B728-4679-98D0-83F499031186}" srcOrd="0" destOrd="0" presId="urn:microsoft.com/office/officeart/2016/7/layout/VerticalSolidActionList"/>
    <dgm:cxn modelId="{E3AEF484-A680-48ED-A109-4107DCD2A742}" srcId="{687A8C4B-5609-40BD-8436-9628C173F054}" destId="{35C2EB51-EFAC-4349-BA5C-C47DE79022C2}" srcOrd="0" destOrd="0" parTransId="{1558F9BF-52FC-4E29-9D64-CBA0AD7E9047}" sibTransId="{904D8230-4027-472B-9DDA-25EC6846A52C}"/>
    <dgm:cxn modelId="{78AC5F94-47E1-4876-8F4D-543409544701}" type="presOf" srcId="{03E2082B-4A1B-4DB0-A0DD-BC58D5B7AC5E}" destId="{04EC8E47-C7DD-4FEB-B884-83B8AF4BD083}" srcOrd="0" destOrd="0" presId="urn:microsoft.com/office/officeart/2016/7/layout/VerticalSolidActionList"/>
    <dgm:cxn modelId="{A05DDFB0-20C3-4FCA-85E1-48B572E073EA}" srcId="{A7E6A0BE-2582-4224-B201-4AB64FABEEC9}" destId="{4C535FA6-7F4F-4C9B-9F4D-C4B934CAF648}" srcOrd="3" destOrd="0" parTransId="{CD10C9E9-F6F1-4105-B338-B0CC3C6180B0}" sibTransId="{C1A6C562-EB38-4507-9CB4-773EC3F2A20F}"/>
    <dgm:cxn modelId="{F78A03B6-B19F-4544-A7C7-2ACE102BCDA3}" type="presOf" srcId="{4C535FA6-7F4F-4C9B-9F4D-C4B934CAF648}" destId="{AACE4CD8-DBC9-4346-B21F-EDBD97CFB3A7}" srcOrd="0" destOrd="0" presId="urn:microsoft.com/office/officeart/2016/7/layout/VerticalSolidActionList"/>
    <dgm:cxn modelId="{287EFBBA-1A38-4E69-B3A3-10BABD77F76F}" type="presOf" srcId="{A7E6A0BE-2582-4224-B201-4AB64FABEEC9}" destId="{D8854AFF-AB75-4E16-829B-95DCFB3102BF}" srcOrd="0" destOrd="0" presId="urn:microsoft.com/office/officeart/2016/7/layout/VerticalSolidActionList"/>
    <dgm:cxn modelId="{E797E8CB-7CA5-4405-B5E4-C3FF2035D568}" srcId="{3BFDFDC1-CDD9-4283-AC87-2BD1FAC24BC5}" destId="{CC3DA13B-40A1-4591-83AC-C023756FB385}" srcOrd="0" destOrd="0" parTransId="{FB349654-1297-4FD7-BD8D-7A02836AB787}" sibTransId="{447C2093-D39F-4C6E-93E2-2319F70FFD4F}"/>
    <dgm:cxn modelId="{2FCD40CD-B4CE-44D9-B349-FCA660F1399B}" type="presOf" srcId="{74400C66-5463-4459-A3EF-506617496463}" destId="{3282E897-0711-4F9C-B66F-028BB2D640F2}" srcOrd="0" destOrd="0" presId="urn:microsoft.com/office/officeart/2016/7/layout/VerticalSolidActionList"/>
    <dgm:cxn modelId="{CFC021D6-77BA-4F76-9348-8097AE6FB28F}" srcId="{4C535FA6-7F4F-4C9B-9F4D-C4B934CAF648}" destId="{74400C66-5463-4459-A3EF-506617496463}" srcOrd="0" destOrd="0" parTransId="{02528FB9-C87C-481B-A742-558D5FABFAC4}" sibTransId="{25F44EEC-2080-48F0-BED6-DC347FF0B886}"/>
    <dgm:cxn modelId="{8E4505E2-B876-4A60-AE29-D944344C4D85}" srcId="{03E2082B-4A1B-4DB0-A0DD-BC58D5B7AC5E}" destId="{11111F6B-024F-40B1-90F9-836A4BC1D166}" srcOrd="0" destOrd="0" parTransId="{32262A54-9553-4D51-B2F6-42E4A7682BE6}" sibTransId="{7BB4BF43-6E82-4BC6-805C-4FDCCA3DD2E6}"/>
    <dgm:cxn modelId="{3853DBE9-2481-416C-AE99-E99E18A02063}" srcId="{A7E6A0BE-2582-4224-B201-4AB64FABEEC9}" destId="{687A8C4B-5609-40BD-8436-9628C173F054}" srcOrd="0" destOrd="0" parTransId="{2062F001-5A8F-482A-A891-C985D6213A93}" sibTransId="{7AB0492D-67B0-4AC4-B628-E85B0E173C6B}"/>
    <dgm:cxn modelId="{2FECBDFE-DEF5-4D4A-B2F8-D571BAD7AD9B}" type="presParOf" srcId="{D8854AFF-AB75-4E16-829B-95DCFB3102BF}" destId="{7A6D4D25-5061-44D8-897C-41C74A53646A}" srcOrd="0" destOrd="0" presId="urn:microsoft.com/office/officeart/2016/7/layout/VerticalSolidActionList"/>
    <dgm:cxn modelId="{326AF4F4-3A6C-4D45-A6FA-3298329F79D4}" type="presParOf" srcId="{7A6D4D25-5061-44D8-897C-41C74A53646A}" destId="{D5682365-F6E0-46A7-84B6-9AC2A9B73050}" srcOrd="0" destOrd="0" presId="urn:microsoft.com/office/officeart/2016/7/layout/VerticalSolidActionList"/>
    <dgm:cxn modelId="{6DE057ED-0F40-4DAF-AD6B-0570FF635A7C}" type="presParOf" srcId="{7A6D4D25-5061-44D8-897C-41C74A53646A}" destId="{C21121DA-7DBB-4CF3-B922-4F81CD5DF04E}" srcOrd="1" destOrd="0" presId="urn:microsoft.com/office/officeart/2016/7/layout/VerticalSolidActionList"/>
    <dgm:cxn modelId="{A3832B21-5CBB-4C74-B6FF-245160993FC3}" type="presParOf" srcId="{D8854AFF-AB75-4E16-829B-95DCFB3102BF}" destId="{AE71FA42-CFF5-42DF-89EC-A2B9ACCF4B28}" srcOrd="1" destOrd="0" presId="urn:microsoft.com/office/officeart/2016/7/layout/VerticalSolidActionList"/>
    <dgm:cxn modelId="{EBC65FF1-AC2D-4B6E-9839-A625A9BC6EEF}" type="presParOf" srcId="{D8854AFF-AB75-4E16-829B-95DCFB3102BF}" destId="{CE1CC46E-34B6-425D-87B4-BF75A49F5B37}" srcOrd="2" destOrd="0" presId="urn:microsoft.com/office/officeart/2016/7/layout/VerticalSolidActionList"/>
    <dgm:cxn modelId="{3F1FE1A6-92E6-45EE-A512-E7C151F96FBC}" type="presParOf" srcId="{CE1CC46E-34B6-425D-87B4-BF75A49F5B37}" destId="{04EC8E47-C7DD-4FEB-B884-83B8AF4BD083}" srcOrd="0" destOrd="0" presId="urn:microsoft.com/office/officeart/2016/7/layout/VerticalSolidActionList"/>
    <dgm:cxn modelId="{39CF6E73-E245-45B6-A9AD-78191468044A}" type="presParOf" srcId="{CE1CC46E-34B6-425D-87B4-BF75A49F5B37}" destId="{BC8163C9-505D-4E86-A4FB-039665E95329}" srcOrd="1" destOrd="0" presId="urn:microsoft.com/office/officeart/2016/7/layout/VerticalSolidActionList"/>
    <dgm:cxn modelId="{5DB14A49-D0DF-4B50-9786-B0287916EF2A}" type="presParOf" srcId="{D8854AFF-AB75-4E16-829B-95DCFB3102BF}" destId="{0E8A8AA0-3840-4DA0-98CF-459714F259AF}" srcOrd="3" destOrd="0" presId="urn:microsoft.com/office/officeart/2016/7/layout/VerticalSolidActionList"/>
    <dgm:cxn modelId="{099B6897-CDCA-4BD3-BB5A-049BB3586C41}" type="presParOf" srcId="{D8854AFF-AB75-4E16-829B-95DCFB3102BF}" destId="{5843CFFE-6970-40B2-AE4A-82B33105CC39}" srcOrd="4" destOrd="0" presId="urn:microsoft.com/office/officeart/2016/7/layout/VerticalSolidActionList"/>
    <dgm:cxn modelId="{D31CC0D9-3DCF-49C6-981E-3A827C95A2C6}" type="presParOf" srcId="{5843CFFE-6970-40B2-AE4A-82B33105CC39}" destId="{FB32A6EF-B728-4679-98D0-83F499031186}" srcOrd="0" destOrd="0" presId="urn:microsoft.com/office/officeart/2016/7/layout/VerticalSolidActionList"/>
    <dgm:cxn modelId="{90F7B4C4-A115-42E9-9CD2-983305160B59}" type="presParOf" srcId="{5843CFFE-6970-40B2-AE4A-82B33105CC39}" destId="{3F430A38-D95C-4966-B5B4-5A2A1C264713}" srcOrd="1" destOrd="0" presId="urn:microsoft.com/office/officeart/2016/7/layout/VerticalSolidActionList"/>
    <dgm:cxn modelId="{1C08C86E-EAA3-4564-A9C1-A4FFECCEE10D}" type="presParOf" srcId="{D8854AFF-AB75-4E16-829B-95DCFB3102BF}" destId="{883F6381-D1C3-47DB-8B77-0760DE936CF7}" srcOrd="5" destOrd="0" presId="urn:microsoft.com/office/officeart/2016/7/layout/VerticalSolidActionList"/>
    <dgm:cxn modelId="{EBF3D941-D62E-450B-A090-49C220AA45D8}" type="presParOf" srcId="{D8854AFF-AB75-4E16-829B-95DCFB3102BF}" destId="{5FFA0094-54F9-4B27-8BC0-BE13BC017A73}" srcOrd="6" destOrd="0" presId="urn:microsoft.com/office/officeart/2016/7/layout/VerticalSolidActionList"/>
    <dgm:cxn modelId="{28169644-47E7-46B7-9275-C2CDC165E049}" type="presParOf" srcId="{5FFA0094-54F9-4B27-8BC0-BE13BC017A73}" destId="{AACE4CD8-DBC9-4346-B21F-EDBD97CFB3A7}" srcOrd="0" destOrd="0" presId="urn:microsoft.com/office/officeart/2016/7/layout/VerticalSolidActionList"/>
    <dgm:cxn modelId="{B07BD1A9-1047-4BA9-928A-FF2D5F24EE8A}" type="presParOf" srcId="{5FFA0094-54F9-4B27-8BC0-BE13BC017A73}" destId="{3282E897-0711-4F9C-B66F-028BB2D640F2}" srcOrd="1" destOrd="0" presId="urn:microsoft.com/office/officeart/2016/7/layout/VerticalSolidAction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chevron2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9E2033D5-F635-4215-96FB-F145B6B9844E}">
      <dgm:prSet phldrT="[Text]"/>
      <dgm:spPr>
        <a:solidFill>
          <a:schemeClr val="accent2"/>
        </a:solidFill>
        <a:ln>
          <a:solidFill>
            <a:schemeClr val="accent2"/>
          </a:solidFill>
        </a:ln>
      </dgm:spPr>
      <dgm:t>
        <a:bodyPr/>
        <a:lstStyle/>
        <a:p>
          <a:r>
            <a:rPr lang="en-US" dirty="0"/>
            <a:t>Step 1</a:t>
          </a:r>
        </a:p>
      </dgm:t>
    </dgm:pt>
    <dgm:pt modelId="{89ACCFF9-38F4-4B4A-BE09-9E4EFE75CE68}" type="parTrans" cxnId="{EB40E17C-F0B8-4C39-A271-0D8A41B36C0E}">
      <dgm:prSet/>
      <dgm:spPr/>
      <dgm:t>
        <a:bodyPr/>
        <a:lstStyle/>
        <a:p>
          <a:endParaRPr lang="en-US"/>
        </a:p>
      </dgm:t>
    </dgm:pt>
    <dgm:pt modelId="{7C014077-7B55-4E6F-84BC-C8E3732C7C22}" type="sibTrans" cxnId="{EB40E17C-F0B8-4C39-A271-0D8A41B36C0E}">
      <dgm:prSet/>
      <dgm:spPr/>
      <dgm:t>
        <a:bodyPr/>
        <a:lstStyle/>
        <a:p>
          <a:endParaRPr lang="en-US"/>
        </a:p>
      </dgm:t>
    </dgm:pt>
    <dgm:pt modelId="{8B8571AE-8449-4A46-AA58-703D487A4971}">
      <dgm:prSet phldrT="[Text]"/>
      <dgm:spPr>
        <a:solidFill>
          <a:schemeClr val="bg2"/>
        </a:solidFill>
        <a:ln>
          <a:solidFill>
            <a:schemeClr val="bg2"/>
          </a:solidFill>
        </a:ln>
      </dgm:spPr>
      <dgm:t>
        <a:bodyPr/>
        <a:lstStyle/>
        <a:p>
          <a:r>
            <a:rPr lang="en-US" dirty="0"/>
            <a:t>Step 2</a:t>
          </a:r>
        </a:p>
      </dgm:t>
    </dgm:pt>
    <dgm:pt modelId="{F2DFD6F1-632A-400D-B415-8B54F33BE2BA}" type="parTrans" cxnId="{C6B47919-EF2E-4E72-89B2-DAF06E7793BA}">
      <dgm:prSet/>
      <dgm:spPr/>
      <dgm:t>
        <a:bodyPr/>
        <a:lstStyle/>
        <a:p>
          <a:endParaRPr lang="en-US"/>
        </a:p>
      </dgm:t>
    </dgm:pt>
    <dgm:pt modelId="{E30B0772-1BD5-48B3-84F4-3F57169750D4}" type="sibTrans" cxnId="{C6B47919-EF2E-4E72-89B2-DAF06E7793BA}">
      <dgm:prSet/>
      <dgm:spPr/>
      <dgm:t>
        <a:bodyPr/>
        <a:lstStyle/>
        <a:p>
          <a:endParaRPr lang="en-US"/>
        </a:p>
      </dgm:t>
    </dgm:pt>
    <dgm:pt modelId="{CB0D04FE-B55C-4645-A347-4B61447AD2C8}">
      <dgm:prSet phldrT="[Text]"/>
      <dgm:spPr>
        <a:ln>
          <a:solidFill>
            <a:schemeClr val="accent2"/>
          </a:solidFill>
        </a:ln>
      </dgm:spPr>
      <dgm:t>
        <a:bodyPr/>
        <a:lstStyle/>
        <a:p>
          <a:endParaRPr lang="en-US" dirty="0"/>
        </a:p>
      </dgm:t>
    </dgm:pt>
    <dgm:pt modelId="{D7A66361-321B-48DC-9BC3-C44D2B57D28F}" type="parTrans" cxnId="{7328E921-CBA0-49B4-9A6C-CB43F399F860}">
      <dgm:prSet/>
      <dgm:spPr/>
      <dgm:t>
        <a:bodyPr/>
        <a:lstStyle/>
        <a:p>
          <a:endParaRPr lang="en-US"/>
        </a:p>
      </dgm:t>
    </dgm:pt>
    <dgm:pt modelId="{8D65EC5A-405B-49CC-9D25-5F09206A72F6}" type="sibTrans" cxnId="{7328E921-CBA0-49B4-9A6C-CB43F399F860}">
      <dgm:prSet/>
      <dgm:spPr/>
      <dgm:t>
        <a:bodyPr/>
        <a:lstStyle/>
        <a:p>
          <a:endParaRPr lang="en-US"/>
        </a:p>
      </dgm:t>
    </dgm:pt>
    <dgm:pt modelId="{D2C3E2A4-E71A-4739-8518-C5EE59DF8623}">
      <dgm:prSet phldrT="[Text]"/>
      <dgm:spPr>
        <a:solidFill>
          <a:schemeClr val="accent1"/>
        </a:solidFill>
        <a:ln>
          <a:solidFill>
            <a:schemeClr val="accent1"/>
          </a:solidFill>
        </a:ln>
      </dgm:spPr>
      <dgm:t>
        <a:bodyPr/>
        <a:lstStyle/>
        <a:p>
          <a:r>
            <a:rPr lang="en-US" dirty="0"/>
            <a:t>Step 3</a:t>
          </a:r>
        </a:p>
      </dgm:t>
    </dgm:pt>
    <dgm:pt modelId="{101F6B68-5D9C-430E-B02D-5FB6DBA4EB80}" type="parTrans" cxnId="{8C0704F7-CBD2-4E0A-9BE6-56442CBA3B56}">
      <dgm:prSet/>
      <dgm:spPr/>
      <dgm:t>
        <a:bodyPr/>
        <a:lstStyle/>
        <a:p>
          <a:endParaRPr lang="en-US"/>
        </a:p>
      </dgm:t>
    </dgm:pt>
    <dgm:pt modelId="{B1E9B70B-F9D5-43CA-9280-825209536DBC}" type="sibTrans" cxnId="{8C0704F7-CBD2-4E0A-9BE6-56442CBA3B56}">
      <dgm:prSet/>
      <dgm:spPr/>
      <dgm:t>
        <a:bodyPr/>
        <a:lstStyle/>
        <a:p>
          <a:endParaRPr lang="en-US"/>
        </a:p>
      </dgm:t>
    </dgm:pt>
    <dgm:pt modelId="{A76879FB-8FCE-4910-967E-7F9CF30FE657}">
      <dgm:prSet phldrT="[Text]"/>
      <dgm:spPr>
        <a:ln>
          <a:solidFill>
            <a:schemeClr val="bg2"/>
          </a:solidFill>
        </a:ln>
      </dgm:spPr>
      <dgm:t>
        <a:bodyPr/>
        <a:lstStyle/>
        <a:p>
          <a:endParaRPr lang="en-US" dirty="0"/>
        </a:p>
      </dgm:t>
    </dgm:pt>
    <dgm:pt modelId="{E82A4BDA-883C-4666-85D3-BDACF594041E}" type="parTrans" cxnId="{EA73C4F4-A858-4F56-8970-CC1EDF304388}">
      <dgm:prSet/>
      <dgm:spPr/>
      <dgm:t>
        <a:bodyPr/>
        <a:lstStyle/>
        <a:p>
          <a:endParaRPr lang="en-US"/>
        </a:p>
      </dgm:t>
    </dgm:pt>
    <dgm:pt modelId="{6B6E7D9C-6130-490D-AFAF-F1233AD1BB1A}" type="sibTrans" cxnId="{EA73C4F4-A858-4F56-8970-CC1EDF304388}">
      <dgm:prSet/>
      <dgm:spPr/>
      <dgm:t>
        <a:bodyPr/>
        <a:lstStyle/>
        <a:p>
          <a:endParaRPr lang="en-US"/>
        </a:p>
      </dgm:t>
    </dgm:pt>
    <dgm:pt modelId="{0D7CE094-F39D-401E-9DA1-E252C065B260}">
      <dgm:prSet phldrT="[Text]"/>
      <dgm:spPr>
        <a:solidFill>
          <a:srgbClr val="03B09C"/>
        </a:solidFill>
        <a:ln>
          <a:solidFill>
            <a:srgbClr val="03B09C"/>
          </a:solidFill>
        </a:ln>
      </dgm:spPr>
      <dgm:t>
        <a:bodyPr/>
        <a:lstStyle/>
        <a:p>
          <a:r>
            <a:rPr lang="en-US" dirty="0"/>
            <a:t>Step 4</a:t>
          </a:r>
        </a:p>
      </dgm:t>
    </dgm:pt>
    <dgm:pt modelId="{6D88D3D7-3973-4A38-A798-4ED077208CCA}" type="parTrans" cxnId="{CD55DBF4-7CC2-4F22-A85B-EF0B58CD004C}">
      <dgm:prSet/>
      <dgm:spPr/>
      <dgm:t>
        <a:bodyPr/>
        <a:lstStyle/>
        <a:p>
          <a:endParaRPr lang="en-US"/>
        </a:p>
      </dgm:t>
    </dgm:pt>
    <dgm:pt modelId="{F5045466-3DDA-48E5-9DC5-5759428B19B0}" type="sibTrans" cxnId="{CD55DBF4-7CC2-4F22-A85B-EF0B58CD004C}">
      <dgm:prSet/>
      <dgm:spPr/>
      <dgm:t>
        <a:bodyPr/>
        <a:lstStyle/>
        <a:p>
          <a:endParaRPr lang="en-US"/>
        </a:p>
      </dgm:t>
    </dgm:pt>
    <dgm:pt modelId="{3BE8C7D3-CC52-4B6B-A681-A160084EE180}">
      <dgm:prSet phldrT="[Text]"/>
      <dgm:spPr>
        <a:ln>
          <a:solidFill>
            <a:schemeClr val="accent1"/>
          </a:solidFill>
        </a:ln>
      </dgm:spPr>
      <dgm:t>
        <a:bodyPr/>
        <a:lstStyle/>
        <a:p>
          <a:endParaRPr lang="en-US" dirty="0"/>
        </a:p>
      </dgm:t>
    </dgm:pt>
    <dgm:pt modelId="{22E44081-65DB-4C96-BC15-2375E1CC972C}" type="parTrans" cxnId="{9FAFDE33-8640-44CB-8B81-10C521766BCE}">
      <dgm:prSet/>
      <dgm:spPr/>
      <dgm:t>
        <a:bodyPr/>
        <a:lstStyle/>
        <a:p>
          <a:endParaRPr lang="en-US"/>
        </a:p>
      </dgm:t>
    </dgm:pt>
    <dgm:pt modelId="{6EA0141B-8AAB-4439-B154-A0C072E8BFA0}" type="sibTrans" cxnId="{9FAFDE33-8640-44CB-8B81-10C521766BCE}">
      <dgm:prSet/>
      <dgm:spPr/>
      <dgm:t>
        <a:bodyPr/>
        <a:lstStyle/>
        <a:p>
          <a:endParaRPr lang="en-US"/>
        </a:p>
      </dgm:t>
    </dgm:pt>
    <dgm:pt modelId="{D0EFD6F6-967B-4B63-9A82-5E82E53BCA74}">
      <dgm:prSet phldrT="[Text]"/>
      <dgm:spPr>
        <a:ln>
          <a:solidFill>
            <a:srgbClr val="03B09C"/>
          </a:solidFill>
        </a:ln>
      </dgm:spPr>
      <dgm:t>
        <a:bodyPr/>
        <a:lstStyle/>
        <a:p>
          <a:endParaRPr lang="en-US" dirty="0"/>
        </a:p>
      </dgm:t>
    </dgm:pt>
    <dgm:pt modelId="{73B275FD-82A8-46C1-9742-50FEFE86352A}" type="parTrans" cxnId="{9C987BAE-647A-4C60-9A96-1AD22C677C71}">
      <dgm:prSet/>
      <dgm:spPr/>
      <dgm:t>
        <a:bodyPr/>
        <a:lstStyle/>
        <a:p>
          <a:endParaRPr lang="en-US"/>
        </a:p>
      </dgm:t>
    </dgm:pt>
    <dgm:pt modelId="{08C0A116-33D9-4E89-A737-94A6FD79A238}" type="sibTrans" cxnId="{9C987BAE-647A-4C60-9A96-1AD22C677C71}">
      <dgm:prSet/>
      <dgm:spPr/>
      <dgm:t>
        <a:bodyPr/>
        <a:lstStyle/>
        <a:p>
          <a:endParaRPr lang="en-US"/>
        </a:p>
      </dgm:t>
    </dgm:pt>
    <dgm:pt modelId="{2F7CF49E-F405-4C2C-8F29-8FAA578C36F8}" type="pres">
      <dgm:prSet presAssocID="{CBCC504F-0FAB-487F-876D-E929F8569590}" presName="linearFlow" presStyleCnt="0">
        <dgm:presLayoutVars>
          <dgm:dir/>
          <dgm:animLvl val="lvl"/>
          <dgm:resizeHandles val="exact"/>
        </dgm:presLayoutVars>
      </dgm:prSet>
      <dgm:spPr/>
    </dgm:pt>
    <dgm:pt modelId="{D65AB662-D77F-44B7-964F-5428E3AB7A84}" type="pres">
      <dgm:prSet presAssocID="{9E2033D5-F635-4215-96FB-F145B6B9844E}" presName="composite" presStyleCnt="0"/>
      <dgm:spPr/>
    </dgm:pt>
    <dgm:pt modelId="{2B735632-D86A-4EC8-B03F-62C3D1E638F3}" type="pres">
      <dgm:prSet presAssocID="{9E2033D5-F635-4215-96FB-F145B6B9844E}" presName="parentText" presStyleLbl="alignNode1" presStyleIdx="0" presStyleCnt="4">
        <dgm:presLayoutVars>
          <dgm:chMax val="1"/>
          <dgm:bulletEnabled val="1"/>
        </dgm:presLayoutVars>
      </dgm:prSet>
      <dgm:spPr/>
    </dgm:pt>
    <dgm:pt modelId="{9A3E094B-C74A-4D01-8D32-5ED5FDF4B406}" type="pres">
      <dgm:prSet presAssocID="{9E2033D5-F635-4215-96FB-F145B6B9844E}" presName="descendantText" presStyleLbl="alignAcc1" presStyleIdx="0" presStyleCnt="4">
        <dgm:presLayoutVars>
          <dgm:bulletEnabled val="1"/>
        </dgm:presLayoutVars>
      </dgm:prSet>
      <dgm:spPr/>
    </dgm:pt>
    <dgm:pt modelId="{3B50D2C8-9717-419B-9B2C-EA8FFBDF5B8C}" type="pres">
      <dgm:prSet presAssocID="{7C014077-7B55-4E6F-84BC-C8E3732C7C22}" presName="sp" presStyleCnt="0"/>
      <dgm:spPr/>
    </dgm:pt>
    <dgm:pt modelId="{06D6FFB4-A7DC-4962-B3FB-6A2AB20E5A1B}" type="pres">
      <dgm:prSet presAssocID="{8B8571AE-8449-4A46-AA58-703D487A4971}" presName="composite" presStyleCnt="0"/>
      <dgm:spPr/>
    </dgm:pt>
    <dgm:pt modelId="{86A1E5A8-C00A-4CC2-8C0F-7B128ED0EE5A}" type="pres">
      <dgm:prSet presAssocID="{8B8571AE-8449-4A46-AA58-703D487A4971}" presName="parentText" presStyleLbl="alignNode1" presStyleIdx="1" presStyleCnt="4">
        <dgm:presLayoutVars>
          <dgm:chMax val="1"/>
          <dgm:bulletEnabled val="1"/>
        </dgm:presLayoutVars>
      </dgm:prSet>
      <dgm:spPr/>
    </dgm:pt>
    <dgm:pt modelId="{B3E3F11A-30C5-412A-BA49-1B01AE62C067}" type="pres">
      <dgm:prSet presAssocID="{8B8571AE-8449-4A46-AA58-703D487A4971}" presName="descendantText" presStyleLbl="alignAcc1" presStyleIdx="1" presStyleCnt="4">
        <dgm:presLayoutVars>
          <dgm:bulletEnabled val="1"/>
        </dgm:presLayoutVars>
      </dgm:prSet>
      <dgm:spPr/>
    </dgm:pt>
    <dgm:pt modelId="{8AA6592B-F2CE-4AE6-A56F-679FB3BCD089}" type="pres">
      <dgm:prSet presAssocID="{E30B0772-1BD5-48B3-84F4-3F57169750D4}" presName="sp" presStyleCnt="0"/>
      <dgm:spPr/>
    </dgm:pt>
    <dgm:pt modelId="{2D239F55-69FC-4FE0-AC07-0EDA64502097}" type="pres">
      <dgm:prSet presAssocID="{D2C3E2A4-E71A-4739-8518-C5EE59DF8623}" presName="composite" presStyleCnt="0"/>
      <dgm:spPr/>
    </dgm:pt>
    <dgm:pt modelId="{8A0DB0BA-3A66-4961-9CA6-C54CF65BFEBB}" type="pres">
      <dgm:prSet presAssocID="{D2C3E2A4-E71A-4739-8518-C5EE59DF8623}" presName="parentText" presStyleLbl="alignNode1" presStyleIdx="2" presStyleCnt="4">
        <dgm:presLayoutVars>
          <dgm:chMax val="1"/>
          <dgm:bulletEnabled val="1"/>
        </dgm:presLayoutVars>
      </dgm:prSet>
      <dgm:spPr/>
    </dgm:pt>
    <dgm:pt modelId="{6DAB6FE0-29B1-498A-A087-E30B4A95D0F3}" type="pres">
      <dgm:prSet presAssocID="{D2C3E2A4-E71A-4739-8518-C5EE59DF8623}" presName="descendantText" presStyleLbl="alignAcc1" presStyleIdx="2" presStyleCnt="4">
        <dgm:presLayoutVars>
          <dgm:bulletEnabled val="1"/>
        </dgm:presLayoutVars>
      </dgm:prSet>
      <dgm:spPr/>
    </dgm:pt>
    <dgm:pt modelId="{175E2412-F2BA-4ED1-83EA-F16173B95EBB}" type="pres">
      <dgm:prSet presAssocID="{B1E9B70B-F9D5-43CA-9280-825209536DBC}" presName="sp" presStyleCnt="0"/>
      <dgm:spPr/>
    </dgm:pt>
    <dgm:pt modelId="{62866A97-2866-4BFA-93F1-E6BE416EB28C}" type="pres">
      <dgm:prSet presAssocID="{0D7CE094-F39D-401E-9DA1-E252C065B260}" presName="composite" presStyleCnt="0"/>
      <dgm:spPr/>
    </dgm:pt>
    <dgm:pt modelId="{0FEAD307-8A54-4FDA-B1E9-0B3F306BAF12}" type="pres">
      <dgm:prSet presAssocID="{0D7CE094-F39D-401E-9DA1-E252C065B260}" presName="parentText" presStyleLbl="alignNode1" presStyleIdx="3" presStyleCnt="4">
        <dgm:presLayoutVars>
          <dgm:chMax val="1"/>
          <dgm:bulletEnabled val="1"/>
        </dgm:presLayoutVars>
      </dgm:prSet>
      <dgm:spPr/>
    </dgm:pt>
    <dgm:pt modelId="{0748C936-29F2-44D0-B571-B2057B9FE7F6}" type="pres">
      <dgm:prSet presAssocID="{0D7CE094-F39D-401E-9DA1-E252C065B260}" presName="descendantText" presStyleLbl="alignAcc1" presStyleIdx="3" presStyleCnt="4">
        <dgm:presLayoutVars>
          <dgm:bulletEnabled val="1"/>
        </dgm:presLayoutVars>
      </dgm:prSet>
      <dgm:spPr/>
    </dgm:pt>
  </dgm:ptLst>
  <dgm:cxnLst>
    <dgm:cxn modelId="{34F0E601-DF4D-4E75-A66B-5AB3C36F54B7}" type="presOf" srcId="{CBCC504F-0FAB-487F-876D-E929F8569590}" destId="{2F7CF49E-F405-4C2C-8F29-8FAA578C36F8}" srcOrd="0" destOrd="0" presId="urn:microsoft.com/office/officeart/2005/8/layout/chevron2"/>
    <dgm:cxn modelId="{A26F0B12-959C-44A2-837A-FA7CA28C8B59}" type="presOf" srcId="{CB0D04FE-B55C-4645-A347-4B61447AD2C8}" destId="{9A3E094B-C74A-4D01-8D32-5ED5FDF4B406}" srcOrd="0" destOrd="0" presId="urn:microsoft.com/office/officeart/2005/8/layout/chevron2"/>
    <dgm:cxn modelId="{C6B47919-EF2E-4E72-89B2-DAF06E7793BA}" srcId="{CBCC504F-0FAB-487F-876D-E929F8569590}" destId="{8B8571AE-8449-4A46-AA58-703D487A4971}" srcOrd="1" destOrd="0" parTransId="{F2DFD6F1-632A-400D-B415-8B54F33BE2BA}" sibTransId="{E30B0772-1BD5-48B3-84F4-3F57169750D4}"/>
    <dgm:cxn modelId="{7328E921-CBA0-49B4-9A6C-CB43F399F860}" srcId="{9E2033D5-F635-4215-96FB-F145B6B9844E}" destId="{CB0D04FE-B55C-4645-A347-4B61447AD2C8}" srcOrd="0" destOrd="0" parTransId="{D7A66361-321B-48DC-9BC3-C44D2B57D28F}" sibTransId="{8D65EC5A-405B-49CC-9D25-5F09206A72F6}"/>
    <dgm:cxn modelId="{E5F44D22-9E7D-4657-827B-B7A815DF6A5F}" type="presOf" srcId="{A76879FB-8FCE-4910-967E-7F9CF30FE657}" destId="{B3E3F11A-30C5-412A-BA49-1B01AE62C067}" srcOrd="0" destOrd="0" presId="urn:microsoft.com/office/officeart/2005/8/layout/chevron2"/>
    <dgm:cxn modelId="{9FAFDE33-8640-44CB-8B81-10C521766BCE}" srcId="{D2C3E2A4-E71A-4739-8518-C5EE59DF8623}" destId="{3BE8C7D3-CC52-4B6B-A681-A160084EE180}" srcOrd="0" destOrd="0" parTransId="{22E44081-65DB-4C96-BC15-2375E1CC972C}" sibTransId="{6EA0141B-8AAB-4439-B154-A0C072E8BFA0}"/>
    <dgm:cxn modelId="{6ABF2F38-096E-4275-8B32-712CA9FCF38D}" type="presOf" srcId="{D2C3E2A4-E71A-4739-8518-C5EE59DF8623}" destId="{8A0DB0BA-3A66-4961-9CA6-C54CF65BFEBB}" srcOrd="0" destOrd="0" presId="urn:microsoft.com/office/officeart/2005/8/layout/chevron2"/>
    <dgm:cxn modelId="{EB40E17C-F0B8-4C39-A271-0D8A41B36C0E}" srcId="{CBCC504F-0FAB-487F-876D-E929F8569590}" destId="{9E2033D5-F635-4215-96FB-F145B6B9844E}" srcOrd="0" destOrd="0" parTransId="{89ACCFF9-38F4-4B4A-BE09-9E4EFE75CE68}" sibTransId="{7C014077-7B55-4E6F-84BC-C8E3732C7C22}"/>
    <dgm:cxn modelId="{E0482C91-F917-4F89-863E-915E495321DD}" type="presOf" srcId="{3BE8C7D3-CC52-4B6B-A681-A160084EE180}" destId="{6DAB6FE0-29B1-498A-A087-E30B4A95D0F3}" srcOrd="0" destOrd="0" presId="urn:microsoft.com/office/officeart/2005/8/layout/chevron2"/>
    <dgm:cxn modelId="{9C987BAE-647A-4C60-9A96-1AD22C677C71}" srcId="{0D7CE094-F39D-401E-9DA1-E252C065B260}" destId="{D0EFD6F6-967B-4B63-9A82-5E82E53BCA74}" srcOrd="0" destOrd="0" parTransId="{73B275FD-82A8-46C1-9742-50FEFE86352A}" sibTransId="{08C0A116-33D9-4E89-A737-94A6FD79A238}"/>
    <dgm:cxn modelId="{FF4286AF-22DE-43D4-A65B-20E64813E3DC}" type="presOf" srcId="{9E2033D5-F635-4215-96FB-F145B6B9844E}" destId="{2B735632-D86A-4EC8-B03F-62C3D1E638F3}" srcOrd="0" destOrd="0" presId="urn:microsoft.com/office/officeart/2005/8/layout/chevron2"/>
    <dgm:cxn modelId="{DBEED6DF-8CA6-41DD-A61E-31CD57DBFB23}" type="presOf" srcId="{8B8571AE-8449-4A46-AA58-703D487A4971}" destId="{86A1E5A8-C00A-4CC2-8C0F-7B128ED0EE5A}" srcOrd="0" destOrd="0" presId="urn:microsoft.com/office/officeart/2005/8/layout/chevron2"/>
    <dgm:cxn modelId="{1515B0E1-9C34-4D29-966C-EF05E0BDE0B9}" type="presOf" srcId="{0D7CE094-F39D-401E-9DA1-E252C065B260}" destId="{0FEAD307-8A54-4FDA-B1E9-0B3F306BAF12}" srcOrd="0" destOrd="0" presId="urn:microsoft.com/office/officeart/2005/8/layout/chevron2"/>
    <dgm:cxn modelId="{89071AED-8262-41B8-8013-F6739332DB94}" type="presOf" srcId="{D0EFD6F6-967B-4B63-9A82-5E82E53BCA74}" destId="{0748C936-29F2-44D0-B571-B2057B9FE7F6}" srcOrd="0" destOrd="0" presId="urn:microsoft.com/office/officeart/2005/8/layout/chevron2"/>
    <dgm:cxn modelId="{EA73C4F4-A858-4F56-8970-CC1EDF304388}" srcId="{8B8571AE-8449-4A46-AA58-703D487A4971}" destId="{A76879FB-8FCE-4910-967E-7F9CF30FE657}" srcOrd="0" destOrd="0" parTransId="{E82A4BDA-883C-4666-85D3-BDACF594041E}" sibTransId="{6B6E7D9C-6130-490D-AFAF-F1233AD1BB1A}"/>
    <dgm:cxn modelId="{CD55DBF4-7CC2-4F22-A85B-EF0B58CD004C}" srcId="{CBCC504F-0FAB-487F-876D-E929F8569590}" destId="{0D7CE094-F39D-401E-9DA1-E252C065B260}" srcOrd="3" destOrd="0" parTransId="{6D88D3D7-3973-4A38-A798-4ED077208CCA}" sibTransId="{F5045466-3DDA-48E5-9DC5-5759428B19B0}"/>
    <dgm:cxn modelId="{8C0704F7-CBD2-4E0A-9BE6-56442CBA3B56}" srcId="{CBCC504F-0FAB-487F-876D-E929F8569590}" destId="{D2C3E2A4-E71A-4739-8518-C5EE59DF8623}" srcOrd="2" destOrd="0" parTransId="{101F6B68-5D9C-430E-B02D-5FB6DBA4EB80}" sibTransId="{B1E9B70B-F9D5-43CA-9280-825209536DBC}"/>
    <dgm:cxn modelId="{6CF3E330-C471-48CB-B59D-7D8097D0E7B7}" type="presParOf" srcId="{2F7CF49E-F405-4C2C-8F29-8FAA578C36F8}" destId="{D65AB662-D77F-44B7-964F-5428E3AB7A84}" srcOrd="0" destOrd="0" presId="urn:microsoft.com/office/officeart/2005/8/layout/chevron2"/>
    <dgm:cxn modelId="{474FC73D-BBBF-4058-9C5C-69027DFE42E2}" type="presParOf" srcId="{D65AB662-D77F-44B7-964F-5428E3AB7A84}" destId="{2B735632-D86A-4EC8-B03F-62C3D1E638F3}" srcOrd="0" destOrd="0" presId="urn:microsoft.com/office/officeart/2005/8/layout/chevron2"/>
    <dgm:cxn modelId="{BF0A1584-14D0-4912-B0EB-B213156DA5B4}" type="presParOf" srcId="{D65AB662-D77F-44B7-964F-5428E3AB7A84}" destId="{9A3E094B-C74A-4D01-8D32-5ED5FDF4B406}" srcOrd="1" destOrd="0" presId="urn:microsoft.com/office/officeart/2005/8/layout/chevron2"/>
    <dgm:cxn modelId="{BB5D9538-06C9-4D3F-A56B-B29882420701}" type="presParOf" srcId="{2F7CF49E-F405-4C2C-8F29-8FAA578C36F8}" destId="{3B50D2C8-9717-419B-9B2C-EA8FFBDF5B8C}" srcOrd="1" destOrd="0" presId="urn:microsoft.com/office/officeart/2005/8/layout/chevron2"/>
    <dgm:cxn modelId="{5565DE20-74F9-4F63-84A2-5569B72D9572}" type="presParOf" srcId="{2F7CF49E-F405-4C2C-8F29-8FAA578C36F8}" destId="{06D6FFB4-A7DC-4962-B3FB-6A2AB20E5A1B}" srcOrd="2" destOrd="0" presId="urn:microsoft.com/office/officeart/2005/8/layout/chevron2"/>
    <dgm:cxn modelId="{9A03B7E0-4528-4A25-BE9D-56F69EB26A5A}" type="presParOf" srcId="{06D6FFB4-A7DC-4962-B3FB-6A2AB20E5A1B}" destId="{86A1E5A8-C00A-4CC2-8C0F-7B128ED0EE5A}" srcOrd="0" destOrd="0" presId="urn:microsoft.com/office/officeart/2005/8/layout/chevron2"/>
    <dgm:cxn modelId="{118EB9D5-053A-4253-89A4-C5D4F6C00889}" type="presParOf" srcId="{06D6FFB4-A7DC-4962-B3FB-6A2AB20E5A1B}" destId="{B3E3F11A-30C5-412A-BA49-1B01AE62C067}" srcOrd="1" destOrd="0" presId="urn:microsoft.com/office/officeart/2005/8/layout/chevron2"/>
    <dgm:cxn modelId="{ADBB1929-80BB-4448-8BCB-1D4E5F45F2A6}" type="presParOf" srcId="{2F7CF49E-F405-4C2C-8F29-8FAA578C36F8}" destId="{8AA6592B-F2CE-4AE6-A56F-679FB3BCD089}" srcOrd="3" destOrd="0" presId="urn:microsoft.com/office/officeart/2005/8/layout/chevron2"/>
    <dgm:cxn modelId="{F956BB7E-1C37-4F95-A74F-A70277B2AC44}" type="presParOf" srcId="{2F7CF49E-F405-4C2C-8F29-8FAA578C36F8}" destId="{2D239F55-69FC-4FE0-AC07-0EDA64502097}" srcOrd="4" destOrd="0" presId="urn:microsoft.com/office/officeart/2005/8/layout/chevron2"/>
    <dgm:cxn modelId="{FC589F38-94CE-42A3-9B1A-9F730E688ABA}" type="presParOf" srcId="{2D239F55-69FC-4FE0-AC07-0EDA64502097}" destId="{8A0DB0BA-3A66-4961-9CA6-C54CF65BFEBB}" srcOrd="0" destOrd="0" presId="urn:microsoft.com/office/officeart/2005/8/layout/chevron2"/>
    <dgm:cxn modelId="{13BEF729-27DF-4E5D-AF05-FDD4C19E0E7A}" type="presParOf" srcId="{2D239F55-69FC-4FE0-AC07-0EDA64502097}" destId="{6DAB6FE0-29B1-498A-A087-E30B4A95D0F3}" srcOrd="1" destOrd="0" presId="urn:microsoft.com/office/officeart/2005/8/layout/chevron2"/>
    <dgm:cxn modelId="{7377859B-ADFB-465E-97F5-16BB6B51E716}" type="presParOf" srcId="{2F7CF49E-F405-4C2C-8F29-8FAA578C36F8}" destId="{175E2412-F2BA-4ED1-83EA-F16173B95EBB}" srcOrd="5" destOrd="0" presId="urn:microsoft.com/office/officeart/2005/8/layout/chevron2"/>
    <dgm:cxn modelId="{7D7B1703-AEE1-4F72-9178-666F59147736}" type="presParOf" srcId="{2F7CF49E-F405-4C2C-8F29-8FAA578C36F8}" destId="{62866A97-2866-4BFA-93F1-E6BE416EB28C}" srcOrd="6" destOrd="0" presId="urn:microsoft.com/office/officeart/2005/8/layout/chevron2"/>
    <dgm:cxn modelId="{ADA7DF66-57EF-48EA-ADFC-B6151D71E79A}" type="presParOf" srcId="{62866A97-2866-4BFA-93F1-E6BE416EB28C}" destId="{0FEAD307-8A54-4FDA-B1E9-0B3F306BAF12}" srcOrd="0" destOrd="0" presId="urn:microsoft.com/office/officeart/2005/8/layout/chevron2"/>
    <dgm:cxn modelId="{CEA8C374-3438-42DB-81C3-08FCB6B04CBF}" type="presParOf" srcId="{62866A97-2866-4BFA-93F1-E6BE416EB28C}" destId="{0748C936-29F2-44D0-B571-B2057B9FE7F6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6C58D02-2877-419F-B58A-E49571EF410C}">
      <dsp:nvSpPr>
        <dsp:cNvPr id="0" name=""/>
        <dsp:cNvSpPr/>
      </dsp:nvSpPr>
      <dsp:spPr>
        <a:xfrm>
          <a:off x="4894" y="354985"/>
          <a:ext cx="2329399" cy="1604956"/>
        </a:xfrm>
        <a:prstGeom prst="roundRect">
          <a:avLst/>
        </a:prstGeom>
        <a:solidFill>
          <a:srgbClr val="C29943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9BCF20-9ED7-4E81-AEDE-0355250E3FBB}">
      <dsp:nvSpPr>
        <dsp:cNvPr id="0" name=""/>
        <dsp:cNvSpPr/>
      </dsp:nvSpPr>
      <dsp:spPr>
        <a:xfrm>
          <a:off x="4894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4894" y="1959942"/>
        <a:ext cx="2329399" cy="864207"/>
      </dsp:txXfrm>
    </dsp:sp>
    <dsp:sp modelId="{71BFD3DE-8ED3-4DA5-807C-70D21163B563}">
      <dsp:nvSpPr>
        <dsp:cNvPr id="0" name=""/>
        <dsp:cNvSpPr/>
      </dsp:nvSpPr>
      <dsp:spPr>
        <a:xfrm>
          <a:off x="2567332" y="354985"/>
          <a:ext cx="2329399" cy="1604956"/>
        </a:xfrm>
        <a:prstGeom prst="roundRect">
          <a:avLst/>
        </a:prstGeom>
        <a:solidFill>
          <a:srgbClr val="0C3555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4544AF3-6464-4840-B9E8-AF76F136BE37}">
      <dsp:nvSpPr>
        <dsp:cNvPr id="0" name=""/>
        <dsp:cNvSpPr/>
      </dsp:nvSpPr>
      <dsp:spPr>
        <a:xfrm>
          <a:off x="2567332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2567332" y="1959942"/>
        <a:ext cx="2329399" cy="864207"/>
      </dsp:txXfrm>
    </dsp:sp>
    <dsp:sp modelId="{387D96AD-1321-4178-A5EF-A3023DBFA890}">
      <dsp:nvSpPr>
        <dsp:cNvPr id="0" name=""/>
        <dsp:cNvSpPr/>
      </dsp:nvSpPr>
      <dsp:spPr>
        <a:xfrm>
          <a:off x="5129769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681C27-50C0-463F-AD96-7E524E67FCAC}">
      <dsp:nvSpPr>
        <dsp:cNvPr id="0" name=""/>
        <dsp:cNvSpPr/>
      </dsp:nvSpPr>
      <dsp:spPr>
        <a:xfrm>
          <a:off x="5129769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5129769" y="1959942"/>
        <a:ext cx="2329399" cy="864207"/>
      </dsp:txXfrm>
    </dsp:sp>
    <dsp:sp modelId="{14297EB4-7653-4B20-AF2D-CEEA1D94B23F}">
      <dsp:nvSpPr>
        <dsp:cNvPr id="0" name=""/>
        <dsp:cNvSpPr/>
      </dsp:nvSpPr>
      <dsp:spPr>
        <a:xfrm>
          <a:off x="7692207" y="354985"/>
          <a:ext cx="2329399" cy="1604956"/>
        </a:xfrm>
        <a:prstGeom prst="roundRect">
          <a:avLst/>
        </a:prstGeom>
        <a:solidFill>
          <a:srgbClr val="0C7277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46A24B0-B35A-4D88-A092-A0498E0D87E2}">
      <dsp:nvSpPr>
        <dsp:cNvPr id="0" name=""/>
        <dsp:cNvSpPr/>
      </dsp:nvSpPr>
      <dsp:spPr>
        <a:xfrm>
          <a:off x="7692207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7692207" y="1959942"/>
        <a:ext cx="2329399" cy="86420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6C58D02-2877-419F-B58A-E49571EF410C}">
      <dsp:nvSpPr>
        <dsp:cNvPr id="0" name=""/>
        <dsp:cNvSpPr/>
      </dsp:nvSpPr>
      <dsp:spPr>
        <a:xfrm>
          <a:off x="4894" y="354985"/>
          <a:ext cx="2329399" cy="1604956"/>
        </a:xfrm>
        <a:prstGeom prst="roundRect">
          <a:avLst/>
        </a:prstGeom>
        <a:solidFill>
          <a:srgbClr val="C29943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9BCF20-9ED7-4E81-AEDE-0355250E3FBB}">
      <dsp:nvSpPr>
        <dsp:cNvPr id="0" name=""/>
        <dsp:cNvSpPr/>
      </dsp:nvSpPr>
      <dsp:spPr>
        <a:xfrm>
          <a:off x="4894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4894" y="1959942"/>
        <a:ext cx="2329399" cy="864207"/>
      </dsp:txXfrm>
    </dsp:sp>
    <dsp:sp modelId="{71BFD3DE-8ED3-4DA5-807C-70D21163B563}">
      <dsp:nvSpPr>
        <dsp:cNvPr id="0" name=""/>
        <dsp:cNvSpPr/>
      </dsp:nvSpPr>
      <dsp:spPr>
        <a:xfrm>
          <a:off x="2567332" y="354985"/>
          <a:ext cx="2329399" cy="1604956"/>
        </a:xfrm>
        <a:prstGeom prst="roundRect">
          <a:avLst/>
        </a:prstGeom>
        <a:solidFill>
          <a:srgbClr val="0C3555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4544AF3-6464-4840-B9E8-AF76F136BE37}">
      <dsp:nvSpPr>
        <dsp:cNvPr id="0" name=""/>
        <dsp:cNvSpPr/>
      </dsp:nvSpPr>
      <dsp:spPr>
        <a:xfrm>
          <a:off x="2567332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2567332" y="1959942"/>
        <a:ext cx="2329399" cy="864207"/>
      </dsp:txXfrm>
    </dsp:sp>
    <dsp:sp modelId="{387D96AD-1321-4178-A5EF-A3023DBFA890}">
      <dsp:nvSpPr>
        <dsp:cNvPr id="0" name=""/>
        <dsp:cNvSpPr/>
      </dsp:nvSpPr>
      <dsp:spPr>
        <a:xfrm>
          <a:off x="5129769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681C27-50C0-463F-AD96-7E524E67FCAC}">
      <dsp:nvSpPr>
        <dsp:cNvPr id="0" name=""/>
        <dsp:cNvSpPr/>
      </dsp:nvSpPr>
      <dsp:spPr>
        <a:xfrm>
          <a:off x="5129769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5129769" y="1959942"/>
        <a:ext cx="2329399" cy="864207"/>
      </dsp:txXfrm>
    </dsp:sp>
    <dsp:sp modelId="{14297EB4-7653-4B20-AF2D-CEEA1D94B23F}">
      <dsp:nvSpPr>
        <dsp:cNvPr id="0" name=""/>
        <dsp:cNvSpPr/>
      </dsp:nvSpPr>
      <dsp:spPr>
        <a:xfrm>
          <a:off x="7692207" y="354985"/>
          <a:ext cx="2329399" cy="1604956"/>
        </a:xfrm>
        <a:prstGeom prst="roundRect">
          <a:avLst/>
        </a:prstGeom>
        <a:solidFill>
          <a:srgbClr val="0C7277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46A24B0-B35A-4D88-A092-A0498E0D87E2}">
      <dsp:nvSpPr>
        <dsp:cNvPr id="0" name=""/>
        <dsp:cNvSpPr/>
      </dsp:nvSpPr>
      <dsp:spPr>
        <a:xfrm>
          <a:off x="7692207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7692207" y="1959942"/>
        <a:ext cx="2329399" cy="864207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6C58D02-2877-419F-B58A-E49571EF410C}">
      <dsp:nvSpPr>
        <dsp:cNvPr id="0" name=""/>
        <dsp:cNvSpPr/>
      </dsp:nvSpPr>
      <dsp:spPr>
        <a:xfrm>
          <a:off x="4894" y="354985"/>
          <a:ext cx="2329399" cy="1604956"/>
        </a:xfrm>
        <a:prstGeom prst="roundRect">
          <a:avLst/>
        </a:prstGeom>
        <a:solidFill>
          <a:srgbClr val="C29943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9BCF20-9ED7-4E81-AEDE-0355250E3FBB}">
      <dsp:nvSpPr>
        <dsp:cNvPr id="0" name=""/>
        <dsp:cNvSpPr/>
      </dsp:nvSpPr>
      <dsp:spPr>
        <a:xfrm>
          <a:off x="4894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4894" y="1959942"/>
        <a:ext cx="2329399" cy="864207"/>
      </dsp:txXfrm>
    </dsp:sp>
    <dsp:sp modelId="{71BFD3DE-8ED3-4DA5-807C-70D21163B563}">
      <dsp:nvSpPr>
        <dsp:cNvPr id="0" name=""/>
        <dsp:cNvSpPr/>
      </dsp:nvSpPr>
      <dsp:spPr>
        <a:xfrm>
          <a:off x="2567332" y="354985"/>
          <a:ext cx="2329399" cy="1604956"/>
        </a:xfrm>
        <a:prstGeom prst="roundRect">
          <a:avLst/>
        </a:prstGeom>
        <a:solidFill>
          <a:srgbClr val="0C3555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4544AF3-6464-4840-B9E8-AF76F136BE37}">
      <dsp:nvSpPr>
        <dsp:cNvPr id="0" name=""/>
        <dsp:cNvSpPr/>
      </dsp:nvSpPr>
      <dsp:spPr>
        <a:xfrm>
          <a:off x="2567332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2567332" y="1959942"/>
        <a:ext cx="2329399" cy="864207"/>
      </dsp:txXfrm>
    </dsp:sp>
    <dsp:sp modelId="{387D96AD-1321-4178-A5EF-A3023DBFA890}">
      <dsp:nvSpPr>
        <dsp:cNvPr id="0" name=""/>
        <dsp:cNvSpPr/>
      </dsp:nvSpPr>
      <dsp:spPr>
        <a:xfrm>
          <a:off x="5129769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681C27-50C0-463F-AD96-7E524E67FCAC}">
      <dsp:nvSpPr>
        <dsp:cNvPr id="0" name=""/>
        <dsp:cNvSpPr/>
      </dsp:nvSpPr>
      <dsp:spPr>
        <a:xfrm>
          <a:off x="5129769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5129769" y="1959942"/>
        <a:ext cx="2329399" cy="864207"/>
      </dsp:txXfrm>
    </dsp:sp>
    <dsp:sp modelId="{14297EB4-7653-4B20-AF2D-CEEA1D94B23F}">
      <dsp:nvSpPr>
        <dsp:cNvPr id="0" name=""/>
        <dsp:cNvSpPr/>
      </dsp:nvSpPr>
      <dsp:spPr>
        <a:xfrm>
          <a:off x="7692207" y="354985"/>
          <a:ext cx="2329399" cy="1604956"/>
        </a:xfrm>
        <a:prstGeom prst="roundRect">
          <a:avLst/>
        </a:prstGeom>
        <a:solidFill>
          <a:srgbClr val="0C7277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46A24B0-B35A-4D88-A092-A0498E0D87E2}">
      <dsp:nvSpPr>
        <dsp:cNvPr id="0" name=""/>
        <dsp:cNvSpPr/>
      </dsp:nvSpPr>
      <dsp:spPr>
        <a:xfrm>
          <a:off x="7692207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7692207" y="1959942"/>
        <a:ext cx="2329399" cy="864207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6C58D02-2877-419F-B58A-E49571EF410C}">
      <dsp:nvSpPr>
        <dsp:cNvPr id="0" name=""/>
        <dsp:cNvSpPr/>
      </dsp:nvSpPr>
      <dsp:spPr>
        <a:xfrm>
          <a:off x="4894" y="354985"/>
          <a:ext cx="2329399" cy="1604956"/>
        </a:xfrm>
        <a:prstGeom prst="roundRect">
          <a:avLst/>
        </a:prstGeom>
        <a:solidFill>
          <a:srgbClr val="C29943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9BCF20-9ED7-4E81-AEDE-0355250E3FBB}">
      <dsp:nvSpPr>
        <dsp:cNvPr id="0" name=""/>
        <dsp:cNvSpPr/>
      </dsp:nvSpPr>
      <dsp:spPr>
        <a:xfrm>
          <a:off x="4894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4894" y="1959942"/>
        <a:ext cx="2329399" cy="864207"/>
      </dsp:txXfrm>
    </dsp:sp>
    <dsp:sp modelId="{71BFD3DE-8ED3-4DA5-807C-70D21163B563}">
      <dsp:nvSpPr>
        <dsp:cNvPr id="0" name=""/>
        <dsp:cNvSpPr/>
      </dsp:nvSpPr>
      <dsp:spPr>
        <a:xfrm>
          <a:off x="2567332" y="354985"/>
          <a:ext cx="2329399" cy="1604956"/>
        </a:xfrm>
        <a:prstGeom prst="roundRect">
          <a:avLst/>
        </a:prstGeom>
        <a:solidFill>
          <a:srgbClr val="0C3555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4544AF3-6464-4840-B9E8-AF76F136BE37}">
      <dsp:nvSpPr>
        <dsp:cNvPr id="0" name=""/>
        <dsp:cNvSpPr/>
      </dsp:nvSpPr>
      <dsp:spPr>
        <a:xfrm>
          <a:off x="2567332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2567332" y="1959942"/>
        <a:ext cx="2329399" cy="864207"/>
      </dsp:txXfrm>
    </dsp:sp>
    <dsp:sp modelId="{387D96AD-1321-4178-A5EF-A3023DBFA890}">
      <dsp:nvSpPr>
        <dsp:cNvPr id="0" name=""/>
        <dsp:cNvSpPr/>
      </dsp:nvSpPr>
      <dsp:spPr>
        <a:xfrm>
          <a:off x="5129769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681C27-50C0-463F-AD96-7E524E67FCAC}">
      <dsp:nvSpPr>
        <dsp:cNvPr id="0" name=""/>
        <dsp:cNvSpPr/>
      </dsp:nvSpPr>
      <dsp:spPr>
        <a:xfrm>
          <a:off x="5129769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5129769" y="1959942"/>
        <a:ext cx="2329399" cy="864207"/>
      </dsp:txXfrm>
    </dsp:sp>
    <dsp:sp modelId="{14297EB4-7653-4B20-AF2D-CEEA1D94B23F}">
      <dsp:nvSpPr>
        <dsp:cNvPr id="0" name=""/>
        <dsp:cNvSpPr/>
      </dsp:nvSpPr>
      <dsp:spPr>
        <a:xfrm>
          <a:off x="7692207" y="354985"/>
          <a:ext cx="2329399" cy="1604956"/>
        </a:xfrm>
        <a:prstGeom prst="roundRect">
          <a:avLst/>
        </a:prstGeom>
        <a:solidFill>
          <a:srgbClr val="0C7277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46A24B0-B35A-4D88-A092-A0498E0D87E2}">
      <dsp:nvSpPr>
        <dsp:cNvPr id="0" name=""/>
        <dsp:cNvSpPr/>
      </dsp:nvSpPr>
      <dsp:spPr>
        <a:xfrm>
          <a:off x="7692207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7692207" y="1959942"/>
        <a:ext cx="2329399" cy="864207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870D052-58C0-49EA-88DF-E0D141B0BB34}">
      <dsp:nvSpPr>
        <dsp:cNvPr id="0" name=""/>
        <dsp:cNvSpPr/>
      </dsp:nvSpPr>
      <dsp:spPr>
        <a:xfrm>
          <a:off x="6152" y="1092793"/>
          <a:ext cx="2181654" cy="1628558"/>
        </a:xfrm>
        <a:prstGeom prst="round2SameRect">
          <a:avLst>
            <a:gd name="adj1" fmla="val 8000"/>
            <a:gd name="adj2" fmla="val 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C29943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9850" tIns="209550" rIns="69850" bIns="69850" numCol="1" spcCol="1270" anchor="t" anchorCtr="0">
          <a:noAutofit/>
        </a:bodyPr>
        <a:lstStyle/>
        <a:p>
          <a:pPr marL="285750" lvl="1" indent="-285750" algn="l" defTabSz="2444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5500" kern="1200"/>
        </a:p>
      </dsp:txBody>
      <dsp:txXfrm>
        <a:off x="44311" y="1130952"/>
        <a:ext cx="2105336" cy="1590399"/>
      </dsp:txXfrm>
    </dsp:sp>
    <dsp:sp modelId="{12334DBF-5B11-4F00-8EF6-3B31AF17AC5E}">
      <dsp:nvSpPr>
        <dsp:cNvPr id="0" name=""/>
        <dsp:cNvSpPr/>
      </dsp:nvSpPr>
      <dsp:spPr>
        <a:xfrm>
          <a:off x="6152" y="2721352"/>
          <a:ext cx="2181654" cy="700280"/>
        </a:xfrm>
        <a:prstGeom prst="rect">
          <a:avLst/>
        </a:prstGeom>
        <a:solidFill>
          <a:schemeClr val="accent2"/>
        </a:solidFill>
        <a:ln w="25400" cap="flat" cmpd="sng" algn="ctr">
          <a:solidFill>
            <a:srgbClr val="C29943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3830" tIns="0" rIns="54610" bIns="0" numCol="1" spcCol="1270" anchor="ctr" anchorCtr="0">
          <a:noAutofit/>
        </a:bodyPr>
        <a:lstStyle/>
        <a:p>
          <a:pPr marL="0" lvl="0" indent="0" algn="l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300" kern="1200"/>
        </a:p>
      </dsp:txBody>
      <dsp:txXfrm>
        <a:off x="6152" y="2721352"/>
        <a:ext cx="1536376" cy="700280"/>
      </dsp:txXfrm>
    </dsp:sp>
    <dsp:sp modelId="{7B532F04-9561-47D8-BCF9-FB5D926D8AF9}">
      <dsp:nvSpPr>
        <dsp:cNvPr id="0" name=""/>
        <dsp:cNvSpPr/>
      </dsp:nvSpPr>
      <dsp:spPr>
        <a:xfrm>
          <a:off x="1604243" y="2832585"/>
          <a:ext cx="763578" cy="763578"/>
        </a:xfrm>
        <a:prstGeom prst="ellipse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E262A03-B1CF-4F25-88CF-749ACC899ACB}">
      <dsp:nvSpPr>
        <dsp:cNvPr id="0" name=""/>
        <dsp:cNvSpPr/>
      </dsp:nvSpPr>
      <dsp:spPr>
        <a:xfrm>
          <a:off x="2556994" y="1092793"/>
          <a:ext cx="2181654" cy="1628558"/>
        </a:xfrm>
        <a:prstGeom prst="round2SameRect">
          <a:avLst>
            <a:gd name="adj1" fmla="val 8000"/>
            <a:gd name="adj2" fmla="val 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bg2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9850" tIns="209550" rIns="69850" bIns="69850" numCol="1" spcCol="1270" anchor="t" anchorCtr="0">
          <a:noAutofit/>
        </a:bodyPr>
        <a:lstStyle/>
        <a:p>
          <a:pPr marL="285750" lvl="1" indent="-285750" algn="l" defTabSz="2444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5500" kern="1200" dirty="0"/>
        </a:p>
      </dsp:txBody>
      <dsp:txXfrm>
        <a:off x="2595153" y="1130952"/>
        <a:ext cx="2105336" cy="1590399"/>
      </dsp:txXfrm>
    </dsp:sp>
    <dsp:sp modelId="{FEE1942B-2F1E-4848-A3C3-20201C8592B4}">
      <dsp:nvSpPr>
        <dsp:cNvPr id="0" name=""/>
        <dsp:cNvSpPr/>
      </dsp:nvSpPr>
      <dsp:spPr>
        <a:xfrm>
          <a:off x="2556994" y="2721352"/>
          <a:ext cx="2181654" cy="700280"/>
        </a:xfrm>
        <a:prstGeom prst="rect">
          <a:avLst/>
        </a:prstGeom>
        <a:solidFill>
          <a:schemeClr val="bg2"/>
        </a:solidFill>
        <a:ln w="25400" cap="flat" cmpd="sng" algn="ctr">
          <a:solidFill>
            <a:schemeClr val="bg2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3830" tIns="0" rIns="54610" bIns="0" numCol="1" spcCol="1270" anchor="ctr" anchorCtr="0">
          <a:noAutofit/>
        </a:bodyPr>
        <a:lstStyle/>
        <a:p>
          <a:pPr marL="0" lvl="0" indent="0" algn="l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300" kern="1200" dirty="0"/>
        </a:p>
      </dsp:txBody>
      <dsp:txXfrm>
        <a:off x="2556994" y="2721352"/>
        <a:ext cx="1536376" cy="700280"/>
      </dsp:txXfrm>
    </dsp:sp>
    <dsp:sp modelId="{2A8B7289-4530-473E-9601-5E16EC766FB7}">
      <dsp:nvSpPr>
        <dsp:cNvPr id="0" name=""/>
        <dsp:cNvSpPr/>
      </dsp:nvSpPr>
      <dsp:spPr>
        <a:xfrm>
          <a:off x="4155086" y="2832585"/>
          <a:ext cx="763578" cy="763578"/>
        </a:xfrm>
        <a:prstGeom prst="ellipse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291119F-B4FD-4058-9702-E5AD24122365}">
      <dsp:nvSpPr>
        <dsp:cNvPr id="0" name=""/>
        <dsp:cNvSpPr/>
      </dsp:nvSpPr>
      <dsp:spPr>
        <a:xfrm>
          <a:off x="5107836" y="1092793"/>
          <a:ext cx="2181654" cy="1628558"/>
        </a:xfrm>
        <a:prstGeom prst="round2SameRect">
          <a:avLst>
            <a:gd name="adj1" fmla="val 8000"/>
            <a:gd name="adj2" fmla="val 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2550" tIns="247650" rIns="82550" bIns="82550" numCol="1" spcCol="1270" anchor="t" anchorCtr="0">
          <a:noAutofit/>
        </a:bodyPr>
        <a:lstStyle/>
        <a:p>
          <a:pPr marL="285750" lvl="1" indent="-285750" algn="l" defTabSz="28892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6500" kern="1200" dirty="0"/>
        </a:p>
      </dsp:txBody>
      <dsp:txXfrm>
        <a:off x="5145995" y="1130952"/>
        <a:ext cx="2105336" cy="1590399"/>
      </dsp:txXfrm>
    </dsp:sp>
    <dsp:sp modelId="{1F5B1EBE-7012-4CC6-B843-C936B893C684}">
      <dsp:nvSpPr>
        <dsp:cNvPr id="0" name=""/>
        <dsp:cNvSpPr/>
      </dsp:nvSpPr>
      <dsp:spPr>
        <a:xfrm>
          <a:off x="5107836" y="2721352"/>
          <a:ext cx="2181654" cy="700280"/>
        </a:xfrm>
        <a:prstGeom prst="rect">
          <a:avLst/>
        </a:prstGeom>
        <a:solidFill>
          <a:schemeClr val="accent1"/>
        </a:solidFill>
        <a:ln w="25400" cap="flat" cmpd="sng" algn="ctr">
          <a:solidFill>
            <a:srgbClr val="0C7277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1930" tIns="0" rIns="67310" bIns="0" numCol="1" spcCol="1270" anchor="ctr" anchorCtr="0">
          <a:noAutofit/>
        </a:bodyPr>
        <a:lstStyle/>
        <a:p>
          <a:pPr marL="0" lvl="0" indent="0" algn="l" defTabSz="2355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300" kern="1200" dirty="0"/>
        </a:p>
      </dsp:txBody>
      <dsp:txXfrm>
        <a:off x="5107836" y="2721352"/>
        <a:ext cx="1536376" cy="700280"/>
      </dsp:txXfrm>
    </dsp:sp>
    <dsp:sp modelId="{3D4774D3-7EE4-42FF-82D5-541C8BB28C2D}">
      <dsp:nvSpPr>
        <dsp:cNvPr id="0" name=""/>
        <dsp:cNvSpPr/>
      </dsp:nvSpPr>
      <dsp:spPr>
        <a:xfrm>
          <a:off x="6705928" y="2832585"/>
          <a:ext cx="763578" cy="763578"/>
        </a:xfrm>
        <a:prstGeom prst="ellipse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E16BCD6-25A5-4E3A-AAA9-F461C10AD0EE}">
      <dsp:nvSpPr>
        <dsp:cNvPr id="0" name=""/>
        <dsp:cNvSpPr/>
      </dsp:nvSpPr>
      <dsp:spPr>
        <a:xfrm>
          <a:off x="7658679" y="1092793"/>
          <a:ext cx="2181654" cy="1628558"/>
        </a:xfrm>
        <a:prstGeom prst="round2SameRect">
          <a:avLst>
            <a:gd name="adj1" fmla="val 8000"/>
            <a:gd name="adj2" fmla="val 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03B09C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2550" tIns="247650" rIns="82550" bIns="82550" numCol="1" spcCol="1270" anchor="t" anchorCtr="0">
          <a:noAutofit/>
        </a:bodyPr>
        <a:lstStyle/>
        <a:p>
          <a:pPr marL="285750" lvl="1" indent="-285750" algn="l" defTabSz="28892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6500" kern="1200" dirty="0"/>
        </a:p>
      </dsp:txBody>
      <dsp:txXfrm>
        <a:off x="7696838" y="1130952"/>
        <a:ext cx="2105336" cy="1590399"/>
      </dsp:txXfrm>
    </dsp:sp>
    <dsp:sp modelId="{1DBA0CF8-ACE0-4098-9C2B-F19454972558}">
      <dsp:nvSpPr>
        <dsp:cNvPr id="0" name=""/>
        <dsp:cNvSpPr/>
      </dsp:nvSpPr>
      <dsp:spPr>
        <a:xfrm>
          <a:off x="7658679" y="2721352"/>
          <a:ext cx="2181654" cy="700280"/>
        </a:xfrm>
        <a:prstGeom prst="rect">
          <a:avLst/>
        </a:prstGeom>
        <a:solidFill>
          <a:srgbClr val="03B09C"/>
        </a:solidFill>
        <a:ln w="25400" cap="flat" cmpd="sng" algn="ctr">
          <a:solidFill>
            <a:srgbClr val="03B09C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1930" tIns="0" rIns="67310" bIns="0" numCol="1" spcCol="1270" anchor="ctr" anchorCtr="0">
          <a:noAutofit/>
        </a:bodyPr>
        <a:lstStyle/>
        <a:p>
          <a:pPr marL="0" lvl="0" indent="0" algn="l" defTabSz="2355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300" kern="1200" dirty="0"/>
        </a:p>
      </dsp:txBody>
      <dsp:txXfrm>
        <a:off x="7658679" y="2721352"/>
        <a:ext cx="1536376" cy="700280"/>
      </dsp:txXfrm>
    </dsp:sp>
    <dsp:sp modelId="{A093B6B6-83BE-4113-BD95-7064D2946CAB}">
      <dsp:nvSpPr>
        <dsp:cNvPr id="0" name=""/>
        <dsp:cNvSpPr/>
      </dsp:nvSpPr>
      <dsp:spPr>
        <a:xfrm>
          <a:off x="9256770" y="2832585"/>
          <a:ext cx="763578" cy="763578"/>
        </a:xfrm>
        <a:prstGeom prst="ellipse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74BB2E2-1A2C-4369-B34D-EDD0E3CF3C24}">
      <dsp:nvSpPr>
        <dsp:cNvPr id="0" name=""/>
        <dsp:cNvSpPr/>
      </dsp:nvSpPr>
      <dsp:spPr>
        <a:xfrm>
          <a:off x="2829" y="338854"/>
          <a:ext cx="1603334" cy="188627"/>
        </a:xfrm>
        <a:prstGeom prst="rect">
          <a:avLst/>
        </a:prstGeom>
        <a:solidFill>
          <a:srgbClr val="C29943"/>
        </a:solidFill>
        <a:ln w="25400" cap="flat" cmpd="sng" algn="ctr">
          <a:solidFill>
            <a:srgbClr val="C29943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6289473-1970-40FD-ABD8-3BC05B1708A3}">
      <dsp:nvSpPr>
        <dsp:cNvPr id="0" name=""/>
        <dsp:cNvSpPr/>
      </dsp:nvSpPr>
      <dsp:spPr>
        <a:xfrm>
          <a:off x="2829" y="409695"/>
          <a:ext cx="117786" cy="117786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FB009D7-0D00-48D7-9705-0CE6B3B55410}">
      <dsp:nvSpPr>
        <dsp:cNvPr id="0" name=""/>
        <dsp:cNvSpPr/>
      </dsp:nvSpPr>
      <dsp:spPr>
        <a:xfrm>
          <a:off x="2829" y="0"/>
          <a:ext cx="1603334" cy="3388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0005" tIns="26670" rIns="40005" bIns="2667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Paper 1</a:t>
          </a:r>
        </a:p>
      </dsp:txBody>
      <dsp:txXfrm>
        <a:off x="2829" y="0"/>
        <a:ext cx="1603334" cy="338854"/>
      </dsp:txXfrm>
    </dsp:sp>
    <dsp:sp modelId="{05B89CAE-50E4-4C34-8A53-0BB8ECD59584}">
      <dsp:nvSpPr>
        <dsp:cNvPr id="0" name=""/>
        <dsp:cNvSpPr/>
      </dsp:nvSpPr>
      <dsp:spPr>
        <a:xfrm>
          <a:off x="2829" y="684252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0E8BF3F-8ED2-4EE6-93FA-E15DEA01C2A1}">
      <dsp:nvSpPr>
        <dsp:cNvPr id="0" name=""/>
        <dsp:cNvSpPr/>
      </dsp:nvSpPr>
      <dsp:spPr>
        <a:xfrm>
          <a:off x="115063" y="605867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1</a:t>
          </a:r>
        </a:p>
      </dsp:txBody>
      <dsp:txXfrm>
        <a:off x="115063" y="605867"/>
        <a:ext cx="1491101" cy="274554"/>
      </dsp:txXfrm>
    </dsp:sp>
    <dsp:sp modelId="{AAF74BA7-AACB-4FB3-BF7C-A6442E3FAC1D}">
      <dsp:nvSpPr>
        <dsp:cNvPr id="0" name=""/>
        <dsp:cNvSpPr/>
      </dsp:nvSpPr>
      <dsp:spPr>
        <a:xfrm>
          <a:off x="2829" y="958807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7773"/>
              <a:satOff val="-6316"/>
              <a:lumOff val="369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08B10B3-4157-473A-87B3-19042EBC2BE8}">
      <dsp:nvSpPr>
        <dsp:cNvPr id="0" name=""/>
        <dsp:cNvSpPr/>
      </dsp:nvSpPr>
      <dsp:spPr>
        <a:xfrm>
          <a:off x="115063" y="880421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2</a:t>
          </a:r>
        </a:p>
      </dsp:txBody>
      <dsp:txXfrm>
        <a:off x="115063" y="880421"/>
        <a:ext cx="1491101" cy="274554"/>
      </dsp:txXfrm>
    </dsp:sp>
    <dsp:sp modelId="{3052B30D-387A-4F2E-98A9-5CF41C027005}">
      <dsp:nvSpPr>
        <dsp:cNvPr id="0" name=""/>
        <dsp:cNvSpPr/>
      </dsp:nvSpPr>
      <dsp:spPr>
        <a:xfrm>
          <a:off x="1686331" y="338854"/>
          <a:ext cx="1603334" cy="188627"/>
        </a:xfrm>
        <a:prstGeom prst="rect">
          <a:avLst/>
        </a:prstGeom>
        <a:solidFill>
          <a:srgbClr val="0C3555"/>
        </a:solidFill>
        <a:ln w="25400" cap="flat" cmpd="sng" algn="ctr">
          <a:solidFill>
            <a:srgbClr val="0C3555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4448B12-9AD1-45BC-95D9-0BAA820F162B}">
      <dsp:nvSpPr>
        <dsp:cNvPr id="0" name=""/>
        <dsp:cNvSpPr/>
      </dsp:nvSpPr>
      <dsp:spPr>
        <a:xfrm>
          <a:off x="1686331" y="409695"/>
          <a:ext cx="117786" cy="117786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39102"/>
              <a:satOff val="-13895"/>
              <a:lumOff val="8125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E82E7FE-7CBE-4681-BB8E-03781C74E3A9}">
      <dsp:nvSpPr>
        <dsp:cNvPr id="0" name=""/>
        <dsp:cNvSpPr/>
      </dsp:nvSpPr>
      <dsp:spPr>
        <a:xfrm>
          <a:off x="1686331" y="0"/>
          <a:ext cx="1603334" cy="3388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0005" tIns="26670" rIns="40005" bIns="2667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Paper 2</a:t>
          </a:r>
        </a:p>
      </dsp:txBody>
      <dsp:txXfrm>
        <a:off x="1686331" y="0"/>
        <a:ext cx="1603334" cy="338854"/>
      </dsp:txXfrm>
    </dsp:sp>
    <dsp:sp modelId="{2D28A931-7B04-4331-8342-A8F0ED7B5ED1}">
      <dsp:nvSpPr>
        <dsp:cNvPr id="0" name=""/>
        <dsp:cNvSpPr/>
      </dsp:nvSpPr>
      <dsp:spPr>
        <a:xfrm>
          <a:off x="1686331" y="684252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35547"/>
              <a:satOff val="-12632"/>
              <a:lumOff val="7386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4150E8D-F63B-4280-A7E9-843945D84885}">
      <dsp:nvSpPr>
        <dsp:cNvPr id="0" name=""/>
        <dsp:cNvSpPr/>
      </dsp:nvSpPr>
      <dsp:spPr>
        <a:xfrm>
          <a:off x="1798564" y="605867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1</a:t>
          </a:r>
        </a:p>
      </dsp:txBody>
      <dsp:txXfrm>
        <a:off x="1798564" y="605867"/>
        <a:ext cx="1491101" cy="274554"/>
      </dsp:txXfrm>
    </dsp:sp>
    <dsp:sp modelId="{17FFE0F8-9577-4DF8-A9AA-EC0F3F1F1C00}">
      <dsp:nvSpPr>
        <dsp:cNvPr id="0" name=""/>
        <dsp:cNvSpPr/>
      </dsp:nvSpPr>
      <dsp:spPr>
        <a:xfrm>
          <a:off x="1686331" y="958807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53320"/>
              <a:satOff val="-18947"/>
              <a:lumOff val="1107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097BE7D-1331-4798-999D-E10BE3BA20E1}">
      <dsp:nvSpPr>
        <dsp:cNvPr id="0" name=""/>
        <dsp:cNvSpPr/>
      </dsp:nvSpPr>
      <dsp:spPr>
        <a:xfrm>
          <a:off x="1798564" y="880421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2</a:t>
          </a:r>
        </a:p>
      </dsp:txBody>
      <dsp:txXfrm>
        <a:off x="1798564" y="880421"/>
        <a:ext cx="1491101" cy="274554"/>
      </dsp:txXfrm>
    </dsp:sp>
    <dsp:sp modelId="{29F28738-C335-4640-979D-C594852104CB}">
      <dsp:nvSpPr>
        <dsp:cNvPr id="0" name=""/>
        <dsp:cNvSpPr/>
      </dsp:nvSpPr>
      <dsp:spPr>
        <a:xfrm>
          <a:off x="3369832" y="338854"/>
          <a:ext cx="1603334" cy="188627"/>
        </a:xfrm>
        <a:prstGeom prst="rect">
          <a:avLst/>
        </a:prstGeom>
        <a:solidFill>
          <a:schemeClr val="accent1">
            <a:shade val="80000"/>
            <a:hueOff val="78203"/>
            <a:satOff val="-27790"/>
            <a:lumOff val="16249"/>
            <a:alphaOff val="0"/>
          </a:schemeClr>
        </a:solidFill>
        <a:ln w="25400" cap="flat" cmpd="sng" algn="ctr">
          <a:solidFill>
            <a:schemeClr val="accent1">
              <a:shade val="80000"/>
              <a:hueOff val="78203"/>
              <a:satOff val="-27790"/>
              <a:lumOff val="1624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AED4ECF-07D2-4B76-A92A-7320938073D3}">
      <dsp:nvSpPr>
        <dsp:cNvPr id="0" name=""/>
        <dsp:cNvSpPr/>
      </dsp:nvSpPr>
      <dsp:spPr>
        <a:xfrm>
          <a:off x="3369832" y="409695"/>
          <a:ext cx="117786" cy="117786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78203"/>
              <a:satOff val="-27790"/>
              <a:lumOff val="1624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A6639BF-064B-442E-A6A2-7D5B443B69B3}">
      <dsp:nvSpPr>
        <dsp:cNvPr id="0" name=""/>
        <dsp:cNvSpPr/>
      </dsp:nvSpPr>
      <dsp:spPr>
        <a:xfrm>
          <a:off x="3369832" y="0"/>
          <a:ext cx="1603334" cy="3388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0005" tIns="26670" rIns="40005" bIns="2667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Paper 3</a:t>
          </a:r>
        </a:p>
      </dsp:txBody>
      <dsp:txXfrm>
        <a:off x="3369832" y="0"/>
        <a:ext cx="1603334" cy="338854"/>
      </dsp:txXfrm>
    </dsp:sp>
    <dsp:sp modelId="{40C1D052-A0AC-4C34-B7B5-7D01107B3091}">
      <dsp:nvSpPr>
        <dsp:cNvPr id="0" name=""/>
        <dsp:cNvSpPr/>
      </dsp:nvSpPr>
      <dsp:spPr>
        <a:xfrm>
          <a:off x="3369832" y="684252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71094"/>
              <a:satOff val="-25263"/>
              <a:lumOff val="1477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29E1ABD-38E9-4122-AB5D-E3B382E53D91}">
      <dsp:nvSpPr>
        <dsp:cNvPr id="0" name=""/>
        <dsp:cNvSpPr/>
      </dsp:nvSpPr>
      <dsp:spPr>
        <a:xfrm>
          <a:off x="3482066" y="605867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1</a:t>
          </a:r>
        </a:p>
      </dsp:txBody>
      <dsp:txXfrm>
        <a:off x="3482066" y="605867"/>
        <a:ext cx="1491101" cy="274554"/>
      </dsp:txXfrm>
    </dsp:sp>
    <dsp:sp modelId="{5D88B41A-B852-4216-B824-3DD3D078FBE5}">
      <dsp:nvSpPr>
        <dsp:cNvPr id="0" name=""/>
        <dsp:cNvSpPr/>
      </dsp:nvSpPr>
      <dsp:spPr>
        <a:xfrm>
          <a:off x="3369832" y="958807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88867"/>
              <a:satOff val="-31579"/>
              <a:lumOff val="18465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BD8F459-D983-443D-B72E-0D697FF2C955}">
      <dsp:nvSpPr>
        <dsp:cNvPr id="0" name=""/>
        <dsp:cNvSpPr/>
      </dsp:nvSpPr>
      <dsp:spPr>
        <a:xfrm>
          <a:off x="3482066" y="880421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2</a:t>
          </a:r>
        </a:p>
      </dsp:txBody>
      <dsp:txXfrm>
        <a:off x="3482066" y="880421"/>
        <a:ext cx="1491101" cy="274554"/>
      </dsp:txXfrm>
    </dsp:sp>
    <dsp:sp modelId="{1B07B947-D3CF-4DAE-A061-893D70C377E0}">
      <dsp:nvSpPr>
        <dsp:cNvPr id="0" name=""/>
        <dsp:cNvSpPr/>
      </dsp:nvSpPr>
      <dsp:spPr>
        <a:xfrm>
          <a:off x="5053334" y="338854"/>
          <a:ext cx="1603334" cy="188627"/>
        </a:xfrm>
        <a:prstGeom prst="rect">
          <a:avLst/>
        </a:prstGeom>
        <a:solidFill>
          <a:srgbClr val="03B09C"/>
        </a:solidFill>
        <a:ln w="25400" cap="flat" cmpd="sng" algn="ctr">
          <a:solidFill>
            <a:srgbClr val="03B09C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2F98EF3-5A7A-4DFD-A3F4-0EE43CD96BBC}">
      <dsp:nvSpPr>
        <dsp:cNvPr id="0" name=""/>
        <dsp:cNvSpPr/>
      </dsp:nvSpPr>
      <dsp:spPr>
        <a:xfrm>
          <a:off x="5053334" y="409695"/>
          <a:ext cx="117786" cy="117786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17305"/>
              <a:satOff val="-41684"/>
              <a:lumOff val="24374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E20F36B-6341-426D-B59E-2DFC0112FF2D}">
      <dsp:nvSpPr>
        <dsp:cNvPr id="0" name=""/>
        <dsp:cNvSpPr/>
      </dsp:nvSpPr>
      <dsp:spPr>
        <a:xfrm>
          <a:off x="5053334" y="0"/>
          <a:ext cx="1603334" cy="3388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0005" tIns="26670" rIns="40005" bIns="2667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Paper 4</a:t>
          </a:r>
        </a:p>
      </dsp:txBody>
      <dsp:txXfrm>
        <a:off x="5053334" y="0"/>
        <a:ext cx="1603334" cy="338854"/>
      </dsp:txXfrm>
    </dsp:sp>
    <dsp:sp modelId="{282AF4DD-8B00-432B-8B68-771FBB908657}">
      <dsp:nvSpPr>
        <dsp:cNvPr id="0" name=""/>
        <dsp:cNvSpPr/>
      </dsp:nvSpPr>
      <dsp:spPr>
        <a:xfrm>
          <a:off x="5053334" y="684252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06641"/>
              <a:satOff val="-37895"/>
              <a:lumOff val="22158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6BBC36D-42FC-4F17-8E18-1409E3F023B1}">
      <dsp:nvSpPr>
        <dsp:cNvPr id="0" name=""/>
        <dsp:cNvSpPr/>
      </dsp:nvSpPr>
      <dsp:spPr>
        <a:xfrm>
          <a:off x="5165567" y="605867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1</a:t>
          </a:r>
        </a:p>
      </dsp:txBody>
      <dsp:txXfrm>
        <a:off x="5165567" y="605867"/>
        <a:ext cx="1491101" cy="274554"/>
      </dsp:txXfrm>
    </dsp:sp>
    <dsp:sp modelId="{A9F6BD8B-4B18-487F-8335-9E442FD73E4A}">
      <dsp:nvSpPr>
        <dsp:cNvPr id="0" name=""/>
        <dsp:cNvSpPr/>
      </dsp:nvSpPr>
      <dsp:spPr>
        <a:xfrm>
          <a:off x="5053334" y="958807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24414"/>
              <a:satOff val="-44211"/>
              <a:lumOff val="25851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5F6C7F3-AD48-49E9-B661-344CDEA556FE}">
      <dsp:nvSpPr>
        <dsp:cNvPr id="0" name=""/>
        <dsp:cNvSpPr/>
      </dsp:nvSpPr>
      <dsp:spPr>
        <a:xfrm>
          <a:off x="5165567" y="880421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2</a:t>
          </a:r>
        </a:p>
      </dsp:txBody>
      <dsp:txXfrm>
        <a:off x="5165567" y="880421"/>
        <a:ext cx="1491101" cy="274554"/>
      </dsp:txXfrm>
    </dsp:sp>
    <dsp:sp modelId="{B209E7F3-FDB6-4EB3-A817-5B3BAF74196C}">
      <dsp:nvSpPr>
        <dsp:cNvPr id="0" name=""/>
        <dsp:cNvSpPr/>
      </dsp:nvSpPr>
      <dsp:spPr>
        <a:xfrm>
          <a:off x="6736835" y="338854"/>
          <a:ext cx="1603334" cy="188627"/>
        </a:xfrm>
        <a:prstGeom prst="rect">
          <a:avLst/>
        </a:prstGeom>
        <a:solidFill>
          <a:schemeClr val="accent1">
            <a:shade val="80000"/>
            <a:hueOff val="156407"/>
            <a:satOff val="-55579"/>
            <a:lumOff val="32498"/>
            <a:alphaOff val="0"/>
          </a:schemeClr>
        </a:solidFill>
        <a:ln w="25400" cap="flat" cmpd="sng" algn="ctr">
          <a:solidFill>
            <a:schemeClr val="accent1">
              <a:shade val="80000"/>
              <a:hueOff val="156407"/>
              <a:satOff val="-55579"/>
              <a:lumOff val="32498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E198BF5-6325-4D81-B623-B7D6E5DE4BDF}">
      <dsp:nvSpPr>
        <dsp:cNvPr id="0" name=""/>
        <dsp:cNvSpPr/>
      </dsp:nvSpPr>
      <dsp:spPr>
        <a:xfrm>
          <a:off x="6736835" y="409695"/>
          <a:ext cx="117786" cy="117786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56407"/>
              <a:satOff val="-55579"/>
              <a:lumOff val="32498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4A056CE-E694-45B1-A065-0A53C6F74F10}">
      <dsp:nvSpPr>
        <dsp:cNvPr id="0" name=""/>
        <dsp:cNvSpPr/>
      </dsp:nvSpPr>
      <dsp:spPr>
        <a:xfrm>
          <a:off x="6736835" y="0"/>
          <a:ext cx="1603334" cy="3388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0005" tIns="26670" rIns="40005" bIns="2667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Paper 5</a:t>
          </a:r>
        </a:p>
      </dsp:txBody>
      <dsp:txXfrm>
        <a:off x="6736835" y="0"/>
        <a:ext cx="1603334" cy="338854"/>
      </dsp:txXfrm>
    </dsp:sp>
    <dsp:sp modelId="{56368CF3-CABC-4A09-9AEB-AA780B6EE2FC}">
      <dsp:nvSpPr>
        <dsp:cNvPr id="0" name=""/>
        <dsp:cNvSpPr/>
      </dsp:nvSpPr>
      <dsp:spPr>
        <a:xfrm>
          <a:off x="6736835" y="684252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42188"/>
              <a:satOff val="-50527"/>
              <a:lumOff val="29544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AFDA121-1ACC-4906-AEDD-153FABAF7BB2}">
      <dsp:nvSpPr>
        <dsp:cNvPr id="0" name=""/>
        <dsp:cNvSpPr/>
      </dsp:nvSpPr>
      <dsp:spPr>
        <a:xfrm>
          <a:off x="6849069" y="605867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1</a:t>
          </a:r>
        </a:p>
      </dsp:txBody>
      <dsp:txXfrm>
        <a:off x="6849069" y="605867"/>
        <a:ext cx="1491101" cy="274554"/>
      </dsp:txXfrm>
    </dsp:sp>
    <dsp:sp modelId="{642CB178-6419-4151-BE4E-A14EB319B66A}">
      <dsp:nvSpPr>
        <dsp:cNvPr id="0" name=""/>
        <dsp:cNvSpPr/>
      </dsp:nvSpPr>
      <dsp:spPr>
        <a:xfrm>
          <a:off x="6736835" y="958807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59961"/>
              <a:satOff val="-56842"/>
              <a:lumOff val="33237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7CC87B9-119F-480D-89E0-9780487D3A73}">
      <dsp:nvSpPr>
        <dsp:cNvPr id="0" name=""/>
        <dsp:cNvSpPr/>
      </dsp:nvSpPr>
      <dsp:spPr>
        <a:xfrm>
          <a:off x="6849069" y="880421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2</a:t>
          </a:r>
        </a:p>
      </dsp:txBody>
      <dsp:txXfrm>
        <a:off x="6849069" y="880421"/>
        <a:ext cx="1491101" cy="274554"/>
      </dsp:txXfrm>
    </dsp:sp>
    <dsp:sp modelId="{C5F7205A-032D-4532-A0E3-1F9ABF4BEDD1}">
      <dsp:nvSpPr>
        <dsp:cNvPr id="0" name=""/>
        <dsp:cNvSpPr/>
      </dsp:nvSpPr>
      <dsp:spPr>
        <a:xfrm>
          <a:off x="8420337" y="338854"/>
          <a:ext cx="1603334" cy="188627"/>
        </a:xfrm>
        <a:prstGeom prst="rect">
          <a:avLst/>
        </a:prstGeom>
        <a:solidFill>
          <a:schemeClr val="accent1">
            <a:shade val="80000"/>
            <a:hueOff val="195508"/>
            <a:satOff val="-69474"/>
            <a:lumOff val="40623"/>
            <a:alphaOff val="0"/>
          </a:schemeClr>
        </a:solidFill>
        <a:ln w="25400" cap="flat" cmpd="sng" algn="ctr">
          <a:solidFill>
            <a:schemeClr val="accent1">
              <a:shade val="80000"/>
              <a:hueOff val="195508"/>
              <a:satOff val="-69474"/>
              <a:lumOff val="4062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9B086D5-C353-4D03-A862-04281005198F}">
      <dsp:nvSpPr>
        <dsp:cNvPr id="0" name=""/>
        <dsp:cNvSpPr/>
      </dsp:nvSpPr>
      <dsp:spPr>
        <a:xfrm>
          <a:off x="8420337" y="409695"/>
          <a:ext cx="117786" cy="117786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95508"/>
              <a:satOff val="-69474"/>
              <a:lumOff val="4062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7CFF7CE-3DF7-41B7-AC19-9614DA5CDA92}">
      <dsp:nvSpPr>
        <dsp:cNvPr id="0" name=""/>
        <dsp:cNvSpPr/>
      </dsp:nvSpPr>
      <dsp:spPr>
        <a:xfrm>
          <a:off x="8420337" y="0"/>
          <a:ext cx="1603334" cy="3388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0005" tIns="26670" rIns="40005" bIns="2667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Paper 6</a:t>
          </a:r>
        </a:p>
      </dsp:txBody>
      <dsp:txXfrm>
        <a:off x="8420337" y="0"/>
        <a:ext cx="1603334" cy="338854"/>
      </dsp:txXfrm>
    </dsp:sp>
    <dsp:sp modelId="{06A83F06-3B38-452E-9D45-B1C9A65CFA03}">
      <dsp:nvSpPr>
        <dsp:cNvPr id="0" name=""/>
        <dsp:cNvSpPr/>
      </dsp:nvSpPr>
      <dsp:spPr>
        <a:xfrm>
          <a:off x="8420337" y="684252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77735"/>
              <a:satOff val="-63158"/>
              <a:lumOff val="3693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A37C5C7-E8CE-40EC-B0E7-CA0C6B918021}">
      <dsp:nvSpPr>
        <dsp:cNvPr id="0" name=""/>
        <dsp:cNvSpPr/>
      </dsp:nvSpPr>
      <dsp:spPr>
        <a:xfrm>
          <a:off x="8532570" y="605867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1</a:t>
          </a:r>
        </a:p>
      </dsp:txBody>
      <dsp:txXfrm>
        <a:off x="8532570" y="605867"/>
        <a:ext cx="1491101" cy="274554"/>
      </dsp:txXfrm>
    </dsp:sp>
    <dsp:sp modelId="{8CA2C0A5-E700-464D-954E-87818AD0406C}">
      <dsp:nvSpPr>
        <dsp:cNvPr id="0" name=""/>
        <dsp:cNvSpPr/>
      </dsp:nvSpPr>
      <dsp:spPr>
        <a:xfrm>
          <a:off x="8420337" y="958807"/>
          <a:ext cx="117783" cy="11778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95508"/>
              <a:satOff val="-69474"/>
              <a:lumOff val="4062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6CB876D-3CB7-4B1C-B24A-8358D079138D}">
      <dsp:nvSpPr>
        <dsp:cNvPr id="0" name=""/>
        <dsp:cNvSpPr/>
      </dsp:nvSpPr>
      <dsp:spPr>
        <a:xfrm>
          <a:off x="8532570" y="880421"/>
          <a:ext cx="1491101" cy="27455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l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Aspect 2</a:t>
          </a:r>
        </a:p>
      </dsp:txBody>
      <dsp:txXfrm>
        <a:off x="8532570" y="880421"/>
        <a:ext cx="1491101" cy="274554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74BB2E2-1A2C-4369-B34D-EDD0E3CF3C24}">
      <dsp:nvSpPr>
        <dsp:cNvPr id="0" name=""/>
        <dsp:cNvSpPr/>
      </dsp:nvSpPr>
      <dsp:spPr>
        <a:xfrm>
          <a:off x="1268" y="510482"/>
          <a:ext cx="2415413" cy="284166"/>
        </a:xfrm>
        <a:prstGeom prst="rect">
          <a:avLst/>
        </a:prstGeom>
        <a:solidFill>
          <a:schemeClr val="accent2"/>
        </a:solidFill>
        <a:ln w="25400" cap="flat" cmpd="sng" algn="ctr">
          <a:solidFill>
            <a:srgbClr val="C29943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6289473-1970-40FD-ABD8-3BC05B1708A3}">
      <dsp:nvSpPr>
        <dsp:cNvPr id="0" name=""/>
        <dsp:cNvSpPr/>
      </dsp:nvSpPr>
      <dsp:spPr>
        <a:xfrm>
          <a:off x="1268" y="617203"/>
          <a:ext cx="177444" cy="177444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FB009D7-0D00-48D7-9705-0CE6B3B55410}">
      <dsp:nvSpPr>
        <dsp:cNvPr id="0" name=""/>
        <dsp:cNvSpPr/>
      </dsp:nvSpPr>
      <dsp:spPr>
        <a:xfrm>
          <a:off x="1268" y="0"/>
          <a:ext cx="2415413" cy="51048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40640" rIns="60960" bIns="40640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dirty="0"/>
            <a:t>Solution 1</a:t>
          </a:r>
        </a:p>
      </dsp:txBody>
      <dsp:txXfrm>
        <a:off x="1268" y="0"/>
        <a:ext cx="2415413" cy="510482"/>
      </dsp:txXfrm>
    </dsp:sp>
    <dsp:sp modelId="{05B89CAE-50E4-4C34-8A53-0BB8ECD59584}">
      <dsp:nvSpPr>
        <dsp:cNvPr id="0" name=""/>
        <dsp:cNvSpPr/>
      </dsp:nvSpPr>
      <dsp:spPr>
        <a:xfrm>
          <a:off x="1268" y="1030822"/>
          <a:ext cx="177440" cy="177440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0E8BF3F-8ED2-4EE6-93FA-E15DEA01C2A1}">
      <dsp:nvSpPr>
        <dsp:cNvPr id="0" name=""/>
        <dsp:cNvSpPr/>
      </dsp:nvSpPr>
      <dsp:spPr>
        <a:xfrm>
          <a:off x="170347" y="912735"/>
          <a:ext cx="2246334" cy="4136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Feature 1</a:t>
          </a:r>
        </a:p>
      </dsp:txBody>
      <dsp:txXfrm>
        <a:off x="170347" y="912735"/>
        <a:ext cx="2246334" cy="413614"/>
      </dsp:txXfrm>
    </dsp:sp>
    <dsp:sp modelId="{AAF74BA7-AACB-4FB3-BF7C-A6442E3FAC1D}">
      <dsp:nvSpPr>
        <dsp:cNvPr id="0" name=""/>
        <dsp:cNvSpPr/>
      </dsp:nvSpPr>
      <dsp:spPr>
        <a:xfrm>
          <a:off x="1268" y="1444436"/>
          <a:ext cx="177440" cy="177440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27930"/>
              <a:satOff val="-9925"/>
              <a:lumOff val="580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08B10B3-4157-473A-87B3-19042EBC2BE8}">
      <dsp:nvSpPr>
        <dsp:cNvPr id="0" name=""/>
        <dsp:cNvSpPr/>
      </dsp:nvSpPr>
      <dsp:spPr>
        <a:xfrm>
          <a:off x="170347" y="1326349"/>
          <a:ext cx="2246334" cy="4136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Feature 2</a:t>
          </a:r>
        </a:p>
      </dsp:txBody>
      <dsp:txXfrm>
        <a:off x="170347" y="1326349"/>
        <a:ext cx="2246334" cy="413614"/>
      </dsp:txXfrm>
    </dsp:sp>
    <dsp:sp modelId="{3052B30D-387A-4F2E-98A9-5CF41C027005}">
      <dsp:nvSpPr>
        <dsp:cNvPr id="0" name=""/>
        <dsp:cNvSpPr/>
      </dsp:nvSpPr>
      <dsp:spPr>
        <a:xfrm>
          <a:off x="2537452" y="510482"/>
          <a:ext cx="2415413" cy="284166"/>
        </a:xfrm>
        <a:prstGeom prst="rect">
          <a:avLst/>
        </a:prstGeom>
        <a:solidFill>
          <a:srgbClr val="0C3555"/>
        </a:solidFill>
        <a:ln w="25400" cap="flat" cmpd="sng" algn="ctr">
          <a:solidFill>
            <a:srgbClr val="0C3555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4448B12-9AD1-45BC-95D9-0BAA820F162B}">
      <dsp:nvSpPr>
        <dsp:cNvPr id="0" name=""/>
        <dsp:cNvSpPr/>
      </dsp:nvSpPr>
      <dsp:spPr>
        <a:xfrm>
          <a:off x="2537452" y="617203"/>
          <a:ext cx="177444" cy="177444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65169"/>
              <a:satOff val="-23158"/>
              <a:lumOff val="13541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E82E7FE-7CBE-4681-BB8E-03781C74E3A9}">
      <dsp:nvSpPr>
        <dsp:cNvPr id="0" name=""/>
        <dsp:cNvSpPr/>
      </dsp:nvSpPr>
      <dsp:spPr>
        <a:xfrm>
          <a:off x="2537452" y="0"/>
          <a:ext cx="2415413" cy="51048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40640" rIns="60960" bIns="40640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dirty="0"/>
            <a:t>Solution 2</a:t>
          </a:r>
        </a:p>
      </dsp:txBody>
      <dsp:txXfrm>
        <a:off x="2537452" y="0"/>
        <a:ext cx="2415413" cy="510482"/>
      </dsp:txXfrm>
    </dsp:sp>
    <dsp:sp modelId="{2D28A931-7B04-4331-8342-A8F0ED7B5ED1}">
      <dsp:nvSpPr>
        <dsp:cNvPr id="0" name=""/>
        <dsp:cNvSpPr/>
      </dsp:nvSpPr>
      <dsp:spPr>
        <a:xfrm>
          <a:off x="2537452" y="1030822"/>
          <a:ext cx="177440" cy="177440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55859"/>
              <a:satOff val="-19850"/>
              <a:lumOff val="11607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4150E8D-F63B-4280-A7E9-843945D84885}">
      <dsp:nvSpPr>
        <dsp:cNvPr id="0" name=""/>
        <dsp:cNvSpPr/>
      </dsp:nvSpPr>
      <dsp:spPr>
        <a:xfrm>
          <a:off x="2706531" y="912735"/>
          <a:ext cx="2246334" cy="4136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Feature 1</a:t>
          </a:r>
        </a:p>
      </dsp:txBody>
      <dsp:txXfrm>
        <a:off x="2706531" y="912735"/>
        <a:ext cx="2246334" cy="413614"/>
      </dsp:txXfrm>
    </dsp:sp>
    <dsp:sp modelId="{17FFE0F8-9577-4DF8-A9AA-EC0F3F1F1C00}">
      <dsp:nvSpPr>
        <dsp:cNvPr id="0" name=""/>
        <dsp:cNvSpPr/>
      </dsp:nvSpPr>
      <dsp:spPr>
        <a:xfrm>
          <a:off x="2537452" y="1444436"/>
          <a:ext cx="177440" cy="177440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83789"/>
              <a:satOff val="-29775"/>
              <a:lumOff val="1741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097BE7D-1331-4798-999D-E10BE3BA20E1}">
      <dsp:nvSpPr>
        <dsp:cNvPr id="0" name=""/>
        <dsp:cNvSpPr/>
      </dsp:nvSpPr>
      <dsp:spPr>
        <a:xfrm>
          <a:off x="2706531" y="1326349"/>
          <a:ext cx="2246334" cy="4136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Feature 2</a:t>
          </a:r>
        </a:p>
      </dsp:txBody>
      <dsp:txXfrm>
        <a:off x="2706531" y="1326349"/>
        <a:ext cx="2246334" cy="413614"/>
      </dsp:txXfrm>
    </dsp:sp>
    <dsp:sp modelId="{29F28738-C335-4640-979D-C594852104CB}">
      <dsp:nvSpPr>
        <dsp:cNvPr id="0" name=""/>
        <dsp:cNvSpPr/>
      </dsp:nvSpPr>
      <dsp:spPr>
        <a:xfrm>
          <a:off x="5073636" y="510482"/>
          <a:ext cx="2415413" cy="284166"/>
        </a:xfrm>
        <a:prstGeom prst="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solidFill>
            <a:schemeClr val="accent1">
              <a:shade val="80000"/>
              <a:hueOff val="130339"/>
              <a:satOff val="-46316"/>
              <a:lumOff val="2708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AED4ECF-07D2-4B76-A92A-7320938073D3}">
      <dsp:nvSpPr>
        <dsp:cNvPr id="0" name=""/>
        <dsp:cNvSpPr/>
      </dsp:nvSpPr>
      <dsp:spPr>
        <a:xfrm>
          <a:off x="5073636" y="617203"/>
          <a:ext cx="177444" cy="177444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30339"/>
              <a:satOff val="-46316"/>
              <a:lumOff val="2708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A6639BF-064B-442E-A6A2-7D5B443B69B3}">
      <dsp:nvSpPr>
        <dsp:cNvPr id="0" name=""/>
        <dsp:cNvSpPr/>
      </dsp:nvSpPr>
      <dsp:spPr>
        <a:xfrm>
          <a:off x="5073636" y="0"/>
          <a:ext cx="2415413" cy="51048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40640" rIns="60960" bIns="40640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dirty="0"/>
            <a:t>Solution 3</a:t>
          </a:r>
        </a:p>
      </dsp:txBody>
      <dsp:txXfrm>
        <a:off x="5073636" y="0"/>
        <a:ext cx="2415413" cy="510482"/>
      </dsp:txXfrm>
    </dsp:sp>
    <dsp:sp modelId="{40C1D052-A0AC-4C34-B7B5-7D01107B3091}">
      <dsp:nvSpPr>
        <dsp:cNvPr id="0" name=""/>
        <dsp:cNvSpPr/>
      </dsp:nvSpPr>
      <dsp:spPr>
        <a:xfrm>
          <a:off x="5073636" y="1030822"/>
          <a:ext cx="177440" cy="177440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11719"/>
              <a:satOff val="-39699"/>
              <a:lumOff val="2321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29E1ABD-38E9-4122-AB5D-E3B382E53D91}">
      <dsp:nvSpPr>
        <dsp:cNvPr id="0" name=""/>
        <dsp:cNvSpPr/>
      </dsp:nvSpPr>
      <dsp:spPr>
        <a:xfrm>
          <a:off x="5242715" y="912735"/>
          <a:ext cx="2246334" cy="4136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Feature 1</a:t>
          </a:r>
        </a:p>
      </dsp:txBody>
      <dsp:txXfrm>
        <a:off x="5242715" y="912735"/>
        <a:ext cx="2246334" cy="413614"/>
      </dsp:txXfrm>
    </dsp:sp>
    <dsp:sp modelId="{5D88B41A-B852-4216-B824-3DD3D078FBE5}">
      <dsp:nvSpPr>
        <dsp:cNvPr id="0" name=""/>
        <dsp:cNvSpPr/>
      </dsp:nvSpPr>
      <dsp:spPr>
        <a:xfrm>
          <a:off x="5073636" y="1444436"/>
          <a:ext cx="177440" cy="177440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39649"/>
              <a:satOff val="-49624"/>
              <a:lumOff val="29016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BD8F459-D983-443D-B72E-0D697FF2C955}">
      <dsp:nvSpPr>
        <dsp:cNvPr id="0" name=""/>
        <dsp:cNvSpPr/>
      </dsp:nvSpPr>
      <dsp:spPr>
        <a:xfrm>
          <a:off x="5242715" y="1326349"/>
          <a:ext cx="2246334" cy="4136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Feature 2</a:t>
          </a:r>
        </a:p>
      </dsp:txBody>
      <dsp:txXfrm>
        <a:off x="5242715" y="1326349"/>
        <a:ext cx="2246334" cy="413614"/>
      </dsp:txXfrm>
    </dsp:sp>
    <dsp:sp modelId="{1B07B947-D3CF-4DAE-A061-893D70C377E0}">
      <dsp:nvSpPr>
        <dsp:cNvPr id="0" name=""/>
        <dsp:cNvSpPr/>
      </dsp:nvSpPr>
      <dsp:spPr>
        <a:xfrm>
          <a:off x="7609820" y="510482"/>
          <a:ext cx="2415413" cy="284166"/>
        </a:xfrm>
        <a:prstGeom prst="rect">
          <a:avLst/>
        </a:prstGeom>
        <a:solidFill>
          <a:srgbClr val="03B09C"/>
        </a:solidFill>
        <a:ln w="25400" cap="flat" cmpd="sng" algn="ctr">
          <a:solidFill>
            <a:srgbClr val="03B09C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2F98EF3-5A7A-4DFD-A3F4-0EE43CD96BBC}">
      <dsp:nvSpPr>
        <dsp:cNvPr id="0" name=""/>
        <dsp:cNvSpPr/>
      </dsp:nvSpPr>
      <dsp:spPr>
        <a:xfrm>
          <a:off x="7609820" y="617203"/>
          <a:ext cx="177444" cy="177444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95508"/>
              <a:satOff val="-69474"/>
              <a:lumOff val="4062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E20F36B-6341-426D-B59E-2DFC0112FF2D}">
      <dsp:nvSpPr>
        <dsp:cNvPr id="0" name=""/>
        <dsp:cNvSpPr/>
      </dsp:nvSpPr>
      <dsp:spPr>
        <a:xfrm>
          <a:off x="7609820" y="0"/>
          <a:ext cx="2415413" cy="51048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40640" rIns="60960" bIns="40640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dirty="0"/>
            <a:t>Solution 4</a:t>
          </a:r>
        </a:p>
      </dsp:txBody>
      <dsp:txXfrm>
        <a:off x="7609820" y="0"/>
        <a:ext cx="2415413" cy="510482"/>
      </dsp:txXfrm>
    </dsp:sp>
    <dsp:sp modelId="{282AF4DD-8B00-432B-8B68-771FBB908657}">
      <dsp:nvSpPr>
        <dsp:cNvPr id="0" name=""/>
        <dsp:cNvSpPr/>
      </dsp:nvSpPr>
      <dsp:spPr>
        <a:xfrm>
          <a:off x="7609820" y="1030822"/>
          <a:ext cx="177440" cy="177440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67578"/>
              <a:satOff val="-59549"/>
              <a:lumOff val="3482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6BBC36D-42FC-4F17-8E18-1409E3F023B1}">
      <dsp:nvSpPr>
        <dsp:cNvPr id="0" name=""/>
        <dsp:cNvSpPr/>
      </dsp:nvSpPr>
      <dsp:spPr>
        <a:xfrm>
          <a:off x="7778899" y="912735"/>
          <a:ext cx="2246334" cy="4136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Feature 1</a:t>
          </a:r>
        </a:p>
      </dsp:txBody>
      <dsp:txXfrm>
        <a:off x="7778899" y="912735"/>
        <a:ext cx="2246334" cy="413614"/>
      </dsp:txXfrm>
    </dsp:sp>
    <dsp:sp modelId="{A9F6BD8B-4B18-487F-8335-9E442FD73E4A}">
      <dsp:nvSpPr>
        <dsp:cNvPr id="0" name=""/>
        <dsp:cNvSpPr/>
      </dsp:nvSpPr>
      <dsp:spPr>
        <a:xfrm>
          <a:off x="7609820" y="1444436"/>
          <a:ext cx="177440" cy="177440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95508"/>
              <a:satOff val="-69474"/>
              <a:lumOff val="4062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5F6C7F3-AD48-49E9-B661-344CDEA556FE}">
      <dsp:nvSpPr>
        <dsp:cNvPr id="0" name=""/>
        <dsp:cNvSpPr/>
      </dsp:nvSpPr>
      <dsp:spPr>
        <a:xfrm>
          <a:off x="7778899" y="1326349"/>
          <a:ext cx="2246334" cy="4136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Feature 2</a:t>
          </a:r>
        </a:p>
      </dsp:txBody>
      <dsp:txXfrm>
        <a:off x="7778899" y="1326349"/>
        <a:ext cx="2246334" cy="413614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21121DA-7DBB-4CF3-B922-4F81CD5DF04E}">
      <dsp:nvSpPr>
        <dsp:cNvPr id="0" name=""/>
        <dsp:cNvSpPr/>
      </dsp:nvSpPr>
      <dsp:spPr>
        <a:xfrm>
          <a:off x="1456660" y="2272"/>
          <a:ext cx="5826640" cy="117700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053" tIns="298959" rIns="113053" bIns="298959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Outcome description</a:t>
          </a:r>
          <a:endParaRPr lang="en-US" sz="2400" kern="1200" dirty="0"/>
        </a:p>
      </dsp:txBody>
      <dsp:txXfrm>
        <a:off x="1456660" y="2272"/>
        <a:ext cx="5826640" cy="1177005"/>
      </dsp:txXfrm>
    </dsp:sp>
    <dsp:sp modelId="{D5682365-F6E0-46A7-84B6-9AC2A9B73050}">
      <dsp:nvSpPr>
        <dsp:cNvPr id="0" name=""/>
        <dsp:cNvSpPr/>
      </dsp:nvSpPr>
      <dsp:spPr>
        <a:xfrm>
          <a:off x="0" y="2272"/>
          <a:ext cx="1456660" cy="1177005"/>
        </a:xfrm>
        <a:prstGeom prst="rect">
          <a:avLst/>
        </a:prstGeom>
        <a:solidFill>
          <a:schemeClr val="accent2"/>
        </a:solidFill>
        <a:ln w="25400" cap="flat" cmpd="sng" algn="ctr">
          <a:solidFill>
            <a:schemeClr val="accent2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7082" tIns="116262" rIns="77082" bIns="116262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dirty="0"/>
            <a:t>verb</a:t>
          </a:r>
        </a:p>
      </dsp:txBody>
      <dsp:txXfrm>
        <a:off x="0" y="2272"/>
        <a:ext cx="1456660" cy="1177005"/>
      </dsp:txXfrm>
    </dsp:sp>
    <dsp:sp modelId="{BC8163C9-505D-4E86-A4FB-039665E95329}">
      <dsp:nvSpPr>
        <dsp:cNvPr id="0" name=""/>
        <dsp:cNvSpPr/>
      </dsp:nvSpPr>
      <dsp:spPr>
        <a:xfrm>
          <a:off x="1456660" y="1249897"/>
          <a:ext cx="5826640" cy="117700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053" tIns="298959" rIns="113053" bIns="298959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Outcome description</a:t>
          </a:r>
        </a:p>
      </dsp:txBody>
      <dsp:txXfrm>
        <a:off x="1456660" y="1249897"/>
        <a:ext cx="5826640" cy="1177005"/>
      </dsp:txXfrm>
    </dsp:sp>
    <dsp:sp modelId="{04EC8E47-C7DD-4FEB-B884-83B8AF4BD083}">
      <dsp:nvSpPr>
        <dsp:cNvPr id="0" name=""/>
        <dsp:cNvSpPr/>
      </dsp:nvSpPr>
      <dsp:spPr>
        <a:xfrm>
          <a:off x="0" y="1249897"/>
          <a:ext cx="1456660" cy="1177005"/>
        </a:xfrm>
        <a:prstGeom prst="rect">
          <a:avLst/>
        </a:prstGeom>
        <a:solidFill>
          <a:schemeClr val="bg2"/>
        </a:solidFill>
        <a:ln w="25400" cap="flat" cmpd="sng" algn="ctr">
          <a:solidFill>
            <a:schemeClr val="bg2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7082" tIns="116262" rIns="77082" bIns="116262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dirty="0"/>
            <a:t>verb</a:t>
          </a:r>
        </a:p>
      </dsp:txBody>
      <dsp:txXfrm>
        <a:off x="0" y="1249897"/>
        <a:ext cx="1456660" cy="1177005"/>
      </dsp:txXfrm>
    </dsp:sp>
    <dsp:sp modelId="{3F430A38-D95C-4966-B5B4-5A2A1C264713}">
      <dsp:nvSpPr>
        <dsp:cNvPr id="0" name=""/>
        <dsp:cNvSpPr/>
      </dsp:nvSpPr>
      <dsp:spPr>
        <a:xfrm>
          <a:off x="1456660" y="2497523"/>
          <a:ext cx="5826640" cy="117700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053" tIns="298959" rIns="113053" bIns="298959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Outcome description</a:t>
          </a:r>
        </a:p>
      </dsp:txBody>
      <dsp:txXfrm>
        <a:off x="1456660" y="2497523"/>
        <a:ext cx="5826640" cy="1177005"/>
      </dsp:txXfrm>
    </dsp:sp>
    <dsp:sp modelId="{FB32A6EF-B728-4679-98D0-83F499031186}">
      <dsp:nvSpPr>
        <dsp:cNvPr id="0" name=""/>
        <dsp:cNvSpPr/>
      </dsp:nvSpPr>
      <dsp:spPr>
        <a:xfrm>
          <a:off x="0" y="2497523"/>
          <a:ext cx="1456660" cy="1177005"/>
        </a:xfrm>
        <a:prstGeom prst="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solidFill>
            <a:schemeClr val="accent1">
              <a:shade val="80000"/>
              <a:hueOff val="130339"/>
              <a:satOff val="-46316"/>
              <a:lumOff val="2708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7082" tIns="116262" rIns="77082" bIns="116262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/>
            <a:t>verb</a:t>
          </a:r>
          <a:endParaRPr lang="en-US" sz="2800" kern="1200" dirty="0"/>
        </a:p>
      </dsp:txBody>
      <dsp:txXfrm>
        <a:off x="0" y="2497523"/>
        <a:ext cx="1456660" cy="1177005"/>
      </dsp:txXfrm>
    </dsp:sp>
    <dsp:sp modelId="{3282E897-0711-4F9C-B66F-028BB2D640F2}">
      <dsp:nvSpPr>
        <dsp:cNvPr id="0" name=""/>
        <dsp:cNvSpPr/>
      </dsp:nvSpPr>
      <dsp:spPr>
        <a:xfrm>
          <a:off x="1456660" y="3745149"/>
          <a:ext cx="5826640" cy="117700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053" tIns="298959" rIns="113053" bIns="298959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Outcome description</a:t>
          </a:r>
        </a:p>
      </dsp:txBody>
      <dsp:txXfrm>
        <a:off x="1456660" y="3745149"/>
        <a:ext cx="5826640" cy="1177005"/>
      </dsp:txXfrm>
    </dsp:sp>
    <dsp:sp modelId="{AACE4CD8-DBC9-4346-B21F-EDBD97CFB3A7}">
      <dsp:nvSpPr>
        <dsp:cNvPr id="0" name=""/>
        <dsp:cNvSpPr/>
      </dsp:nvSpPr>
      <dsp:spPr>
        <a:xfrm>
          <a:off x="0" y="3745149"/>
          <a:ext cx="1456660" cy="1177005"/>
        </a:xfrm>
        <a:prstGeom prst="rect">
          <a:avLst/>
        </a:prstGeom>
        <a:solidFill>
          <a:srgbClr val="03B09C"/>
        </a:solidFill>
        <a:ln w="25400" cap="flat" cmpd="sng" algn="ctr">
          <a:solidFill>
            <a:srgbClr val="03B09C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7082" tIns="116262" rIns="77082" bIns="116262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/>
            <a:t>verb</a:t>
          </a:r>
          <a:endParaRPr lang="en-US" sz="2800" kern="1200" dirty="0"/>
        </a:p>
      </dsp:txBody>
      <dsp:txXfrm>
        <a:off x="0" y="3745149"/>
        <a:ext cx="1456660" cy="1177005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B735632-D86A-4EC8-B03F-62C3D1E638F3}">
      <dsp:nvSpPr>
        <dsp:cNvPr id="0" name=""/>
        <dsp:cNvSpPr/>
      </dsp:nvSpPr>
      <dsp:spPr>
        <a:xfrm rot="5400000">
          <a:off x="-178321" y="180390"/>
          <a:ext cx="1188810" cy="832167"/>
        </a:xfrm>
        <a:prstGeom prst="chevron">
          <a:avLst/>
        </a:prstGeom>
        <a:solidFill>
          <a:schemeClr val="accent2"/>
        </a:solidFill>
        <a:ln w="25400" cap="flat" cmpd="sng" algn="ctr">
          <a:solidFill>
            <a:schemeClr val="accent2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335" tIns="13335" rIns="13335" bIns="1333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Step 1</a:t>
          </a:r>
        </a:p>
      </dsp:txBody>
      <dsp:txXfrm rot="-5400000">
        <a:off x="1" y="418153"/>
        <a:ext cx="832167" cy="356643"/>
      </dsp:txXfrm>
    </dsp:sp>
    <dsp:sp modelId="{9A3E094B-C74A-4D01-8D32-5ED5FDF4B406}">
      <dsp:nvSpPr>
        <dsp:cNvPr id="0" name=""/>
        <dsp:cNvSpPr/>
      </dsp:nvSpPr>
      <dsp:spPr>
        <a:xfrm rot="5400000">
          <a:off x="5143980" y="-4309744"/>
          <a:ext cx="772727" cy="9396353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1376" tIns="30480" rIns="30480" bIns="30480" numCol="1" spcCol="1270" anchor="ctr" anchorCtr="0">
          <a:noAutofit/>
        </a:bodyPr>
        <a:lstStyle/>
        <a:p>
          <a:pPr marL="285750" lvl="1" indent="-285750" algn="l" defTabSz="2133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4800" kern="1200" dirty="0"/>
        </a:p>
      </dsp:txBody>
      <dsp:txXfrm rot="-5400000">
        <a:off x="832168" y="39789"/>
        <a:ext cx="9358632" cy="697285"/>
      </dsp:txXfrm>
    </dsp:sp>
    <dsp:sp modelId="{86A1E5A8-C00A-4CC2-8C0F-7B128ED0EE5A}">
      <dsp:nvSpPr>
        <dsp:cNvPr id="0" name=""/>
        <dsp:cNvSpPr/>
      </dsp:nvSpPr>
      <dsp:spPr>
        <a:xfrm rot="5400000">
          <a:off x="-178321" y="1221679"/>
          <a:ext cx="1188810" cy="832167"/>
        </a:xfrm>
        <a:prstGeom prst="chevron">
          <a:avLst/>
        </a:prstGeom>
        <a:solidFill>
          <a:schemeClr val="bg2"/>
        </a:solidFill>
        <a:ln w="25400" cap="flat" cmpd="sng" algn="ctr">
          <a:solidFill>
            <a:schemeClr val="bg2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335" tIns="13335" rIns="13335" bIns="1333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Step 2</a:t>
          </a:r>
        </a:p>
      </dsp:txBody>
      <dsp:txXfrm rot="-5400000">
        <a:off x="1" y="1459442"/>
        <a:ext cx="832167" cy="356643"/>
      </dsp:txXfrm>
    </dsp:sp>
    <dsp:sp modelId="{B3E3F11A-30C5-412A-BA49-1B01AE62C067}">
      <dsp:nvSpPr>
        <dsp:cNvPr id="0" name=""/>
        <dsp:cNvSpPr/>
      </dsp:nvSpPr>
      <dsp:spPr>
        <a:xfrm rot="5400000">
          <a:off x="5143980" y="-3268454"/>
          <a:ext cx="772727" cy="9396353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bg2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1376" tIns="30480" rIns="30480" bIns="30480" numCol="1" spcCol="1270" anchor="ctr" anchorCtr="0">
          <a:noAutofit/>
        </a:bodyPr>
        <a:lstStyle/>
        <a:p>
          <a:pPr marL="285750" lvl="1" indent="-285750" algn="l" defTabSz="2133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4800" kern="1200" dirty="0"/>
        </a:p>
      </dsp:txBody>
      <dsp:txXfrm rot="-5400000">
        <a:off x="832168" y="1081079"/>
        <a:ext cx="9358632" cy="697285"/>
      </dsp:txXfrm>
    </dsp:sp>
    <dsp:sp modelId="{8A0DB0BA-3A66-4961-9CA6-C54CF65BFEBB}">
      <dsp:nvSpPr>
        <dsp:cNvPr id="0" name=""/>
        <dsp:cNvSpPr/>
      </dsp:nvSpPr>
      <dsp:spPr>
        <a:xfrm rot="5400000">
          <a:off x="-178321" y="2262969"/>
          <a:ext cx="1188810" cy="832167"/>
        </a:xfrm>
        <a:prstGeom prst="chevron">
          <a:avLst/>
        </a:prstGeom>
        <a:solidFill>
          <a:schemeClr val="accent1"/>
        </a:solidFill>
        <a:ln w="2540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335" tIns="13335" rIns="13335" bIns="1333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Step 3</a:t>
          </a:r>
        </a:p>
      </dsp:txBody>
      <dsp:txXfrm rot="-5400000">
        <a:off x="1" y="2500732"/>
        <a:ext cx="832167" cy="356643"/>
      </dsp:txXfrm>
    </dsp:sp>
    <dsp:sp modelId="{6DAB6FE0-29B1-498A-A087-E30B4A95D0F3}">
      <dsp:nvSpPr>
        <dsp:cNvPr id="0" name=""/>
        <dsp:cNvSpPr/>
      </dsp:nvSpPr>
      <dsp:spPr>
        <a:xfrm rot="5400000">
          <a:off x="5143980" y="-2227165"/>
          <a:ext cx="772727" cy="9396353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1376" tIns="30480" rIns="30480" bIns="30480" numCol="1" spcCol="1270" anchor="ctr" anchorCtr="0">
          <a:noAutofit/>
        </a:bodyPr>
        <a:lstStyle/>
        <a:p>
          <a:pPr marL="285750" lvl="1" indent="-285750" algn="l" defTabSz="2133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4800" kern="1200" dirty="0"/>
        </a:p>
      </dsp:txBody>
      <dsp:txXfrm rot="-5400000">
        <a:off x="832168" y="2122368"/>
        <a:ext cx="9358632" cy="697285"/>
      </dsp:txXfrm>
    </dsp:sp>
    <dsp:sp modelId="{0FEAD307-8A54-4FDA-B1E9-0B3F306BAF12}">
      <dsp:nvSpPr>
        <dsp:cNvPr id="0" name=""/>
        <dsp:cNvSpPr/>
      </dsp:nvSpPr>
      <dsp:spPr>
        <a:xfrm rot="5400000">
          <a:off x="-178321" y="3304259"/>
          <a:ext cx="1188810" cy="832167"/>
        </a:xfrm>
        <a:prstGeom prst="chevron">
          <a:avLst/>
        </a:prstGeom>
        <a:solidFill>
          <a:srgbClr val="03B09C"/>
        </a:solidFill>
        <a:ln w="25400" cap="flat" cmpd="sng" algn="ctr">
          <a:solidFill>
            <a:srgbClr val="03B09C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335" tIns="13335" rIns="13335" bIns="1333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dirty="0"/>
            <a:t>Step 4</a:t>
          </a:r>
        </a:p>
      </dsp:txBody>
      <dsp:txXfrm rot="-5400000">
        <a:off x="1" y="3542022"/>
        <a:ext cx="832167" cy="356643"/>
      </dsp:txXfrm>
    </dsp:sp>
    <dsp:sp modelId="{0748C936-29F2-44D0-B571-B2057B9FE7F6}">
      <dsp:nvSpPr>
        <dsp:cNvPr id="0" name=""/>
        <dsp:cNvSpPr/>
      </dsp:nvSpPr>
      <dsp:spPr>
        <a:xfrm rot="5400000">
          <a:off x="5143980" y="-1185875"/>
          <a:ext cx="772727" cy="9396353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03B09C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1376" tIns="30480" rIns="30480" bIns="30480" numCol="1" spcCol="1270" anchor="ctr" anchorCtr="0">
          <a:noAutofit/>
        </a:bodyPr>
        <a:lstStyle/>
        <a:p>
          <a:pPr marL="285750" lvl="1" indent="-285750" algn="l" defTabSz="2133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4800" kern="1200" dirty="0"/>
        </a:p>
      </dsp:txBody>
      <dsp:txXfrm rot="-5400000">
        <a:off x="832168" y="3163658"/>
        <a:ext cx="9358632" cy="69728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List1">
  <dgm:title val=""/>
  <dgm:desc val=""/>
  <dgm:catLst>
    <dgm:cat type="list" pri="2000"/>
    <dgm:cat type="picture" pri="2500"/>
    <dgm:cat type="pictureconvert" pri="2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resizeHandles val="exact"/>
    </dgm:varLst>
    <dgm:choose name="Name1">
      <dgm:if name="Name2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3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1"/>
      <dgm:constr type="sp" refType="w" refFor="ch" refForName="compNode" op="equ" fact="0.1"/>
      <dgm:constr type="primFontSz" for="des" ptType="node" op="equ" val="65"/>
    </dgm:constrLst>
    <dgm:ruleLst/>
    <dgm:forEach name="Name4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 axis="self"/>
        <dgm:constrLst>
          <dgm:constr type="h" refType="w" fact="1.06"/>
          <dgm:constr type="h" for="ch" forName="pictRect" refType="h" fact="0.65"/>
          <dgm:constr type="w" for="ch" forName="pictRect" refType="w"/>
          <dgm:constr type="l" for="ch" forName="pictRect"/>
          <dgm:constr type="t" for="ch" forName="pictRect"/>
          <dgm:constr type="w" for="ch" forName="textRect" refType="w"/>
          <dgm:constr type="h" for="ch" forName="textRect" refType="h" fact="0.35"/>
          <dgm:constr type="l" for="ch" forName="textRect"/>
          <dgm:constr type="t" for="ch" forName="textRect" refType="b" refFor="ch" refForName="pictRect"/>
        </dgm:constrLst>
        <dgm:ruleLst/>
        <dgm:layoutNode name="pictRect">
          <dgm:alg type="sp"/>
          <dgm:shape xmlns:r="http://schemas.openxmlformats.org/officeDocument/2006/relationships" type="roundRect" r:blip="" blipPhldr="1">
            <dgm:adjLst/>
          </dgm:shape>
          <dgm:presOf/>
          <dgm:constrLst/>
          <dgm:ruleLst/>
        </dgm:layoutNode>
        <dgm:layoutNode name="textRect" styleLbl="revTx">
          <dgm:varLst>
            <dgm:bulletEnabled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bMarg"/>
          </dgm:constrLst>
          <dgm:ruleLst>
            <dgm:rule type="primFontSz" val="5" fact="NaN" max="NaN"/>
          </dgm:ruleLst>
        </dgm:layoutNode>
      </dgm:layoutNode>
      <dgm:forEach name="Name5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List1">
  <dgm:title val=""/>
  <dgm:desc val=""/>
  <dgm:catLst>
    <dgm:cat type="list" pri="2000"/>
    <dgm:cat type="picture" pri="2500"/>
    <dgm:cat type="pictureconvert" pri="2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resizeHandles val="exact"/>
    </dgm:varLst>
    <dgm:choose name="Name1">
      <dgm:if name="Name2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3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1"/>
      <dgm:constr type="sp" refType="w" refFor="ch" refForName="compNode" op="equ" fact="0.1"/>
      <dgm:constr type="primFontSz" for="des" ptType="node" op="equ" val="65"/>
    </dgm:constrLst>
    <dgm:ruleLst/>
    <dgm:forEach name="Name4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 axis="self"/>
        <dgm:constrLst>
          <dgm:constr type="h" refType="w" fact="1.06"/>
          <dgm:constr type="h" for="ch" forName="pictRect" refType="h" fact="0.65"/>
          <dgm:constr type="w" for="ch" forName="pictRect" refType="w"/>
          <dgm:constr type="l" for="ch" forName="pictRect"/>
          <dgm:constr type="t" for="ch" forName="pictRect"/>
          <dgm:constr type="w" for="ch" forName="textRect" refType="w"/>
          <dgm:constr type="h" for="ch" forName="textRect" refType="h" fact="0.35"/>
          <dgm:constr type="l" for="ch" forName="textRect"/>
          <dgm:constr type="t" for="ch" forName="textRect" refType="b" refFor="ch" refForName="pictRect"/>
        </dgm:constrLst>
        <dgm:ruleLst/>
        <dgm:layoutNode name="pictRect">
          <dgm:alg type="sp"/>
          <dgm:shape xmlns:r="http://schemas.openxmlformats.org/officeDocument/2006/relationships" type="roundRect" r:blip="" blipPhldr="1">
            <dgm:adjLst/>
          </dgm:shape>
          <dgm:presOf/>
          <dgm:constrLst/>
          <dgm:ruleLst/>
        </dgm:layoutNode>
        <dgm:layoutNode name="textRect" styleLbl="revTx">
          <dgm:varLst>
            <dgm:bulletEnabled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bMarg"/>
          </dgm:constrLst>
          <dgm:ruleLst>
            <dgm:rule type="primFontSz" val="5" fact="NaN" max="NaN"/>
          </dgm:ruleLst>
        </dgm:layoutNode>
      </dgm:layoutNode>
      <dgm:forEach name="Name5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List1">
  <dgm:title val=""/>
  <dgm:desc val=""/>
  <dgm:catLst>
    <dgm:cat type="list" pri="2000"/>
    <dgm:cat type="picture" pri="2500"/>
    <dgm:cat type="pictureconvert" pri="2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resizeHandles val="exact"/>
    </dgm:varLst>
    <dgm:choose name="Name1">
      <dgm:if name="Name2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3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1"/>
      <dgm:constr type="sp" refType="w" refFor="ch" refForName="compNode" op="equ" fact="0.1"/>
      <dgm:constr type="primFontSz" for="des" ptType="node" op="equ" val="65"/>
    </dgm:constrLst>
    <dgm:ruleLst/>
    <dgm:forEach name="Name4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 axis="self"/>
        <dgm:constrLst>
          <dgm:constr type="h" refType="w" fact="1.06"/>
          <dgm:constr type="h" for="ch" forName="pictRect" refType="h" fact="0.65"/>
          <dgm:constr type="w" for="ch" forName="pictRect" refType="w"/>
          <dgm:constr type="l" for="ch" forName="pictRect"/>
          <dgm:constr type="t" for="ch" forName="pictRect"/>
          <dgm:constr type="w" for="ch" forName="textRect" refType="w"/>
          <dgm:constr type="h" for="ch" forName="textRect" refType="h" fact="0.35"/>
          <dgm:constr type="l" for="ch" forName="textRect"/>
          <dgm:constr type="t" for="ch" forName="textRect" refType="b" refFor="ch" refForName="pictRect"/>
        </dgm:constrLst>
        <dgm:ruleLst/>
        <dgm:layoutNode name="pictRect">
          <dgm:alg type="sp"/>
          <dgm:shape xmlns:r="http://schemas.openxmlformats.org/officeDocument/2006/relationships" type="roundRect" r:blip="" blipPhldr="1">
            <dgm:adjLst/>
          </dgm:shape>
          <dgm:presOf/>
          <dgm:constrLst/>
          <dgm:ruleLst/>
        </dgm:layoutNode>
        <dgm:layoutNode name="textRect" styleLbl="revTx">
          <dgm:varLst>
            <dgm:bulletEnabled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bMarg"/>
          </dgm:constrLst>
          <dgm:ruleLst>
            <dgm:rule type="primFontSz" val="5" fact="NaN" max="NaN"/>
          </dgm:ruleLst>
        </dgm:layoutNode>
      </dgm:layoutNode>
      <dgm:forEach name="Name5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pList1">
  <dgm:title val=""/>
  <dgm:desc val=""/>
  <dgm:catLst>
    <dgm:cat type="list" pri="2000"/>
    <dgm:cat type="picture" pri="2500"/>
    <dgm:cat type="pictureconvert" pri="2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resizeHandles val="exact"/>
    </dgm:varLst>
    <dgm:choose name="Name1">
      <dgm:if name="Name2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3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1"/>
      <dgm:constr type="sp" refType="w" refFor="ch" refForName="compNode" op="equ" fact="0.1"/>
      <dgm:constr type="primFontSz" for="des" ptType="node" op="equ" val="65"/>
    </dgm:constrLst>
    <dgm:ruleLst/>
    <dgm:forEach name="Name4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 axis="self"/>
        <dgm:constrLst>
          <dgm:constr type="h" refType="w" fact="1.06"/>
          <dgm:constr type="h" for="ch" forName="pictRect" refType="h" fact="0.65"/>
          <dgm:constr type="w" for="ch" forName="pictRect" refType="w"/>
          <dgm:constr type="l" for="ch" forName="pictRect"/>
          <dgm:constr type="t" for="ch" forName="pictRect"/>
          <dgm:constr type="w" for="ch" forName="textRect" refType="w"/>
          <dgm:constr type="h" for="ch" forName="textRect" refType="h" fact="0.35"/>
          <dgm:constr type="l" for="ch" forName="textRect"/>
          <dgm:constr type="t" for="ch" forName="textRect" refType="b" refFor="ch" refForName="pictRect"/>
        </dgm:constrLst>
        <dgm:ruleLst/>
        <dgm:layoutNode name="pictRect">
          <dgm:alg type="sp"/>
          <dgm:shape xmlns:r="http://schemas.openxmlformats.org/officeDocument/2006/relationships" type="roundRect" r:blip="" blipPhldr="1">
            <dgm:adjLst/>
          </dgm:shape>
          <dgm:presOf/>
          <dgm:constrLst/>
          <dgm:ruleLst/>
        </dgm:layoutNode>
        <dgm:layoutNode name="textRect" styleLbl="revTx">
          <dgm:varLst>
            <dgm:bulletEnabled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bMarg"/>
          </dgm:constrLst>
          <dgm:ruleLst>
            <dgm:rule type="primFontSz" val="5" fact="NaN" max="NaN"/>
          </dgm:ruleLst>
        </dgm:layoutNode>
      </dgm:layoutNode>
      <dgm:forEach name="Name5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bList2">
  <dgm:title val=""/>
  <dgm:desc val=""/>
  <dgm:catLst>
    <dgm:cat type="list" pri="7000"/>
    <dgm:cat type="convert" pri="16000"/>
    <dgm:cat type="picture" pri="28000"/>
    <dgm:cat type="pictureconvert" pri="28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dir/>
      <dgm:animLvl val="lvl"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08"/>
      <dgm:constr type="sp" refType="w" refFor="ch" refForName="compNode" op="equ" fact="0.16"/>
      <dgm:constr type="primFontSz" for="des" forName="parentText" op="equ" val="65"/>
      <dgm:constr type="primFontSz" for="des" forName="childRect" op="equ" val="65"/>
    </dgm:constrLst>
    <dgm:ruleLst/>
    <dgm:forEach name="nodesForEach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/>
        <dgm:choose name="Name3">
          <dgm:if name="Name4" axis="self" func="var" arg="dir" op="equ" val="norm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l" for="ch" forName="childRect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l" for="ch" forName="parentText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l" for="ch" forName="parentRect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r" for="ch" forName="adorn" refType="w"/>
            </dgm:constrLst>
          </dgm:if>
          <dgm:else name="Name5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r" for="ch" forName="childRect" refType="w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r" for="ch" forName="parentText" refType="w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r" for="ch" forName="parentRect" refType="w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l" for="ch" forName="adorn"/>
            </dgm:constrLst>
          </dgm:else>
        </dgm:choose>
        <dgm:ruleLst/>
        <dgm:layoutNode name="childRect" styleLbl="bgAcc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ound2SameRect" r:blip="">
            <dgm:adjLst>
              <dgm:adj idx="1" val="0.08"/>
            </dgm:adjLst>
          </dgm:shape>
          <dgm:presOf axis="des" ptType="node"/>
          <dgm:constrLst>
            <dgm:constr type="secFontSz" refType="primFontSz"/>
            <dgm:constr type="tMarg" refType="primFontSz" fact="0.3"/>
            <dgm:constr type="bMarg" refType="primFontSz" fact="0.1"/>
            <dgm:constr type="lMarg" refType="primFontSz" fact="0.1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Text">
          <dgm:varLst>
            <dgm:chMax val="0"/>
            <dgm:bulletEnabled val="1"/>
          </dgm:varLst>
          <dgm:choose name="Name6">
            <dgm:if name="Name7" func="var" arg="dir" op="equ" val="norm">
              <dgm:alg type="tx">
                <dgm:param type="parTxLTRAlign" val="l"/>
                <dgm:param type="parTxRTLAlign" val="l"/>
              </dgm:alg>
            </dgm:if>
            <dgm:else name="Name8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ect" r:blip="" zOrderOff="1" hideGeom="1">
            <dgm:adjLst/>
          </dgm:shape>
          <dgm:presOf axis="self" ptType="node"/>
          <dgm:constrLst>
            <dgm:constr type="tMarg"/>
            <dgm:constr type="bMarg"/>
            <dgm:constr type="lMarg" refType="primFontSz" fact="0.3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Rect" styleLbl="alignNode1">
          <dgm:alg type="sp"/>
          <dgm:shape xmlns:r="http://schemas.openxmlformats.org/officeDocument/2006/relationships" type="rect" r:blip="">
            <dgm:adjLst/>
          </dgm:shape>
          <dgm:presOf axis="self" ptType="node"/>
          <dgm:constrLst/>
          <dgm:ruleLst/>
        </dgm:layoutNode>
        <dgm:layoutNode name="adorn" styleLbl="fgAccFollowNod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w" val="1"/>
            <dgm:constr type="h" refType="w"/>
          </dgm:constrLst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8/layout/SquareAccentList">
  <dgm:title val=""/>
  <dgm:desc val=""/>
  <dgm:catLst>
    <dgm:cat type="list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clrData>
  <dgm:layoutNode name="layout">
    <dgm:varLst>
      <dgm:chMax/>
      <dgm:chPref/>
      <dgm:dir/>
      <dgm:resizeHandles/>
    </dgm:varLst>
    <dgm:choose name="Name0">
      <dgm:if name="Name1" func="var" arg="dir" op="equ" val="norm">
        <dgm:alg type="hierChild">
          <dgm:param type="linDir" val="fromL"/>
          <dgm:param type="vertAlign" val="t"/>
          <dgm:param type="nodeVertAlign" val="t"/>
          <dgm:param type="horzAlign" val="ctr"/>
          <dgm:param type="fallback" val="1D"/>
        </dgm:alg>
      </dgm:if>
      <dgm:else name="Name2">
        <dgm:alg type="hierChild">
          <dgm:param type="linDir" val="fromR"/>
          <dgm:param type="vertAlign" val="t"/>
          <dgm:param type="nodeVertAlign" val="t"/>
          <dgm:param type="horzAlign" val="ctr"/>
          <dgm:param type="fallback" val="1D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Parent" op="equ" val="65"/>
      <dgm:constr type="primFontSz" for="des" forName="Child" op="equ" val="65"/>
      <dgm:constr type="primFontSz" for="des" forName="Child" refType="primFontSz" refFor="des" refForName="Parent" op="lte"/>
      <dgm:constr type="w" for="des" forName="rootComposite" refType="h" refFor="des" refForName="rootComposite" fact="3.0396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 fact="0.5205"/>
      <dgm:constr type="sibSp" refType="w" refFor="des" refForName="rootComposite" fact="0.05"/>
      <dgm:constr type="sp" for="des" forName="root" refType="h" refFor="des" refForName="childComposite" fact="0.2855"/>
    </dgm:constrLst>
    <dgm:ruleLst/>
    <dgm:forEach name="Name3" axis="ch">
      <dgm:forEach name="Name4" axis="self" ptType="node" cnt="1">
        <dgm:layoutNode name="root">
          <dgm:varLst>
            <dgm:chMax/>
            <dgm:chPref/>
          </dgm:varLst>
          <dgm:alg type="hierRoot">
            <dgm:param type="hierAlign" val="tL"/>
          </dgm:alg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5">
              <dgm:if name="Name6" func="var" arg="dir" op="equ" val="norm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l" for="ch" forName="ParentSmallAccent" refType="w" fact="0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if>
              <dgm:else name="Name7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r" for="ch" forName="ParentSmallAccent" refType="w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else>
            </dgm:choose>
            <dgm:ruleLst/>
            <dgm:layoutNode name="ParentAccent" styleLbl="alignNode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SmallAccent" styleLbl="fgAcc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" styleLbl="revTx">
              <dgm:varLst>
                <dgm:chMax/>
                <dgm:chPref val="4"/>
                <dgm:bulletEnabled val="1"/>
              </dgm:varLst>
              <dgm:choose name="Name8">
                <dgm:if name="Name9" func="var" arg="dir" op="equ" val="norm">
                  <dgm:alg type="tx">
                    <dgm:param type="txAnchorVertCh" val="mid"/>
                    <dgm:param type="parTxLTRAlign" val="l"/>
                  </dgm:alg>
                </dgm:if>
                <dgm:else name="Name10">
                  <dgm:alg type="tx">
                    <dgm:param type="txAnchorVertCh" val="mid"/>
                    <dgm:param type="parTxLTRAlign" val="r"/>
                  </dgm:alg>
                </dgm:else>
              </dgm:choose>
              <dgm:shape xmlns:r="http://schemas.openxmlformats.org/officeDocument/2006/relationships" type="rect" r:blip="">
                <dgm:adjLst/>
              </dgm:shape>
              <dgm:presOf axis="self" ptType="node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13">
                    <dgm:if name="Name14" func="var" arg="dir" op="equ" val="norm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l" for="ch" forName="ChildAccent" refType="w" fact="0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l" for="ch" forName="Child" refType="w" fact="0.07"/>
                        <dgm:constr type="t" for="ch" forName="Child" refType="h" fact="0"/>
                      </dgm:constrLst>
                    </dgm:if>
                    <dgm:else name="Name15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r" for="ch" forName="ChildAccent" refType="w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r" for="ch" forName="Child" refType="w" fact="0.93"/>
                        <dgm:constr type="t" for="ch" forName="Child" refType="h" fact="0"/>
                      </dgm:constrLst>
                    </dgm:else>
                  </dgm:choose>
                  <dgm:ruleLst/>
                  <dgm:layoutNode name="ChildAccent" styleLbl="solidFgAcc1">
                    <dgm:alg type="sp"/>
                    <dgm:shape xmlns:r="http://schemas.openxmlformats.org/officeDocument/2006/relationships" type="rect" r:blip="">
                      <dgm:adjLst/>
                    </dgm:shape>
                    <dgm:presOf/>
                  </dgm:layoutNode>
                  <dgm:layoutNode name="Child" styleLbl="revTx">
                    <dgm:varLst>
                      <dgm:chMax val="0"/>
                      <dgm:chPref val="0"/>
                      <dgm:bulletEnabled val="1"/>
                    </dgm:varLst>
                    <dgm:choose name="Name16">
                      <dgm:if name="Name17" func="var" arg="dir" op="equ" val="norm">
                        <dgm:alg type="tx">
                          <dgm:param type="txAnchorVertCh" val="mid"/>
                          <dgm:param type="parTxLTRAlign" val="l"/>
                        </dgm:alg>
                      </dgm:if>
                      <dgm:else name="Name18">
                        <dgm:alg type="tx">
                          <dgm:param type="txAnchorVertCh" val="mid"/>
                          <dgm:param type="parTxLTRAlign" val="r"/>
                        </dgm:alg>
                      </dgm:else>
                    </dgm:choose>
                    <dgm:shape xmlns:r="http://schemas.openxmlformats.org/officeDocument/2006/relationships" type="rect" r:blip="">
                      <dgm:adjLst/>
                    </dgm:shape>
                    <dgm:presOf axis="desOrSelf" ptType="node node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8/layout/SquareAccentList">
  <dgm:title val=""/>
  <dgm:desc val=""/>
  <dgm:catLst>
    <dgm:cat type="list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clrData>
  <dgm:layoutNode name="layout">
    <dgm:varLst>
      <dgm:chMax/>
      <dgm:chPref/>
      <dgm:dir/>
      <dgm:resizeHandles/>
    </dgm:varLst>
    <dgm:choose name="Name0">
      <dgm:if name="Name1" func="var" arg="dir" op="equ" val="norm">
        <dgm:alg type="hierChild">
          <dgm:param type="linDir" val="fromL"/>
          <dgm:param type="vertAlign" val="t"/>
          <dgm:param type="nodeVertAlign" val="t"/>
          <dgm:param type="horzAlign" val="ctr"/>
          <dgm:param type="fallback" val="1D"/>
        </dgm:alg>
      </dgm:if>
      <dgm:else name="Name2">
        <dgm:alg type="hierChild">
          <dgm:param type="linDir" val="fromR"/>
          <dgm:param type="vertAlign" val="t"/>
          <dgm:param type="nodeVertAlign" val="t"/>
          <dgm:param type="horzAlign" val="ctr"/>
          <dgm:param type="fallback" val="1D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Parent" op="equ" val="65"/>
      <dgm:constr type="primFontSz" for="des" forName="Child" op="equ" val="65"/>
      <dgm:constr type="primFontSz" for="des" forName="Child" refType="primFontSz" refFor="des" refForName="Parent" op="lte"/>
      <dgm:constr type="w" for="des" forName="rootComposite" refType="h" refFor="des" refForName="rootComposite" fact="3.0396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 fact="0.5205"/>
      <dgm:constr type="sibSp" refType="w" refFor="des" refForName="rootComposite" fact="0.05"/>
      <dgm:constr type="sp" for="des" forName="root" refType="h" refFor="des" refForName="childComposite" fact="0.2855"/>
    </dgm:constrLst>
    <dgm:ruleLst/>
    <dgm:forEach name="Name3" axis="ch">
      <dgm:forEach name="Name4" axis="self" ptType="node" cnt="1">
        <dgm:layoutNode name="root">
          <dgm:varLst>
            <dgm:chMax/>
            <dgm:chPref/>
          </dgm:varLst>
          <dgm:alg type="hierRoot">
            <dgm:param type="hierAlign" val="tL"/>
          </dgm:alg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5">
              <dgm:if name="Name6" func="var" arg="dir" op="equ" val="norm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l" for="ch" forName="ParentSmallAccent" refType="w" fact="0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if>
              <dgm:else name="Name7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r" for="ch" forName="ParentSmallAccent" refType="w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else>
            </dgm:choose>
            <dgm:ruleLst/>
            <dgm:layoutNode name="ParentAccent" styleLbl="alignNode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SmallAccent" styleLbl="fgAcc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" styleLbl="revTx">
              <dgm:varLst>
                <dgm:chMax/>
                <dgm:chPref val="4"/>
                <dgm:bulletEnabled val="1"/>
              </dgm:varLst>
              <dgm:choose name="Name8">
                <dgm:if name="Name9" func="var" arg="dir" op="equ" val="norm">
                  <dgm:alg type="tx">
                    <dgm:param type="txAnchorVertCh" val="mid"/>
                    <dgm:param type="parTxLTRAlign" val="l"/>
                  </dgm:alg>
                </dgm:if>
                <dgm:else name="Name10">
                  <dgm:alg type="tx">
                    <dgm:param type="txAnchorVertCh" val="mid"/>
                    <dgm:param type="parTxLTRAlign" val="r"/>
                  </dgm:alg>
                </dgm:else>
              </dgm:choose>
              <dgm:shape xmlns:r="http://schemas.openxmlformats.org/officeDocument/2006/relationships" type="rect" r:blip="">
                <dgm:adjLst/>
              </dgm:shape>
              <dgm:presOf axis="self" ptType="node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13">
                    <dgm:if name="Name14" func="var" arg="dir" op="equ" val="norm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l" for="ch" forName="ChildAccent" refType="w" fact="0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l" for="ch" forName="Child" refType="w" fact="0.07"/>
                        <dgm:constr type="t" for="ch" forName="Child" refType="h" fact="0"/>
                      </dgm:constrLst>
                    </dgm:if>
                    <dgm:else name="Name15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r" for="ch" forName="ChildAccent" refType="w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r" for="ch" forName="Child" refType="w" fact="0.93"/>
                        <dgm:constr type="t" for="ch" forName="Child" refType="h" fact="0"/>
                      </dgm:constrLst>
                    </dgm:else>
                  </dgm:choose>
                  <dgm:ruleLst/>
                  <dgm:layoutNode name="ChildAccent" styleLbl="solidFgAcc1">
                    <dgm:alg type="sp"/>
                    <dgm:shape xmlns:r="http://schemas.openxmlformats.org/officeDocument/2006/relationships" type="rect" r:blip="">
                      <dgm:adjLst/>
                    </dgm:shape>
                    <dgm:presOf/>
                  </dgm:layoutNode>
                  <dgm:layoutNode name="Child" styleLbl="revTx">
                    <dgm:varLst>
                      <dgm:chMax val="0"/>
                      <dgm:chPref val="0"/>
                      <dgm:bulletEnabled val="1"/>
                    </dgm:varLst>
                    <dgm:choose name="Name16">
                      <dgm:if name="Name17" func="var" arg="dir" op="equ" val="norm">
                        <dgm:alg type="tx">
                          <dgm:param type="txAnchorVertCh" val="mid"/>
                          <dgm:param type="parTxLTRAlign" val="l"/>
                        </dgm:alg>
                      </dgm:if>
                      <dgm:else name="Name18">
                        <dgm:alg type="tx">
                          <dgm:param type="txAnchorVertCh" val="mid"/>
                          <dgm:param type="parTxLTRAlign" val="r"/>
                        </dgm:alg>
                      </dgm:else>
                    </dgm:choose>
                    <dgm:shape xmlns:r="http://schemas.openxmlformats.org/officeDocument/2006/relationships" type="rect" r:blip="">
                      <dgm:adjLst/>
                    </dgm:shape>
                    <dgm:presOf axis="desOrSelf" ptType="node node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16/7/layout/VerticalSolidActionList">
  <dgm:title val="Vertical Solid Action List"/>
  <dgm:desc val="Use to show non-sequential or grouped lists of information. Works well with large amounts of text. All text has the same level of emphasis, and direction is not implied."/>
  <dgm:catLst>
    <dgm:cat type="list" pri="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  <dgm:pt modelId="5">
          <dgm:prSet phldr="1"/>
        </dgm:pt>
        <dgm:pt modelId="5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7" srcId="0" destId="4" srcOrd="3" destOrd="0"/>
        <dgm:cxn modelId="8" srcId="0" destId="5" srcOrd="4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  <dgm:cxn modelId="53" srcId="5" destId="5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6"/>
      <dgm:constr type="primFontSz" for="des" forName="parentText" op="equ" val="28"/>
      <dgm:constr type="primFontSz" for="des" forName="descendantText" refType="primFontSz" refFor="des" refForName="parentText" op="lte" fact="0.82"/>
      <dgm:constr type="primFontSz" for="des" forName="parentText" refType="primFontSz" refFor="des" refForName="descendantText" op="lte" fact="1.25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2"/>
          <dgm:constr type="w" for="ch" forName="descendantText" refType="w" fact="0.8"/>
          <dgm:constr type="h" for="ch" forName="parentText" refType="h"/>
          <dgm:constr type="h" for="ch" forName="descendantText" refType="h" refFor="ch" refForName="parentText"/>
        </dgm:constrLst>
        <dgm:ruleLst/>
        <dgm:layoutNode name="parentText" styleLbl="alignNode1">
          <dgm:varLst>
            <dgm:chMax val="1"/>
            <dgm:bulletEnabled/>
          </dgm:varLst>
          <dgm:alg type="tx"/>
          <dgm:shape xmlns:r="http://schemas.openxmlformats.org/officeDocument/2006/relationships" type="rect" r:blip="" zOrderOff="3">
            <dgm:adjLst/>
          </dgm:shape>
          <dgm:presOf axis="self" ptType="node"/>
          <dgm:constrLst>
            <dgm:constr type="tMarg" refType="h" fact="0.28"/>
            <dgm:constr type="bMarg" refType="h" fact="0.28"/>
            <dgm:constr type="lMarg" refType="w" fact="0.15"/>
            <dgm:constr type="rMarg" refType="w" fact="0.15"/>
          </dgm:constrLst>
          <dgm:ruleLst>
            <dgm:rule type="primFontSz" val="15" fact="NaN" max="NaN"/>
          </dgm:ruleLst>
        </dgm:layoutNode>
        <dgm:layoutNode name="descendantText" styleLbl="alignAccFollowNode1">
          <dgm:varLst>
            <dgm:bulletEnabled/>
          </dgm:varLst>
          <dgm:alg type="tx">
            <dgm:param type="stBulletLvl" val="0"/>
            <dgm:param type="parTxLTRAlign" val="l"/>
            <dgm:param type="shpTxLTRAlignCh" val="l"/>
            <dgm:param type="parTxRTLAlign" val="r"/>
            <dgm:param type="shpTxRTLAlignCh" val="r"/>
          </dgm:alg>
          <dgm:choose name="Name10">
            <dgm:if name="Name11" func="var" arg="dir" op="equ" val="norm">
              <dgm:shape xmlns:r="http://schemas.openxmlformats.org/officeDocument/2006/relationships" type="rect" r:blip="">
                <dgm:adjLst/>
              </dgm:shape>
            </dgm:if>
            <dgm:else name="Name12">
              <dgm:shape xmlns:r="http://schemas.openxmlformats.org/officeDocument/2006/relationships" type="rect" r:blip="">
                <dgm:adjLst/>
              </dgm:shape>
            </dgm:else>
          </dgm:choose>
          <dgm:presOf axis="des" ptType="node"/>
          <dgm:constrLst>
            <dgm:constr type="primFontSz" val="24"/>
            <dgm:constr type="lMarg" refType="w" fact="0.055"/>
            <dgm:constr type="rMarg" refType="w" fact="0.055"/>
            <dgm:constr type="tMarg" refType="h" fact="0.72"/>
            <dgm:constr type="bMarg" refType="h" fact="0.72"/>
          </dgm:constrLst>
          <dgm:ruleLst>
            <dgm:rule type="primFontSz" val="11" fact="NaN" max="NaN"/>
          </dgm:ruleLst>
        </dgm:layoutNod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R="0" lvl="0" algn="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" name="Google Shape;85;p1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86" name="Google Shape;86;p1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0EA5042-A167-B761-0713-3632BF9F9F4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AF01A17-B22A-78A5-6F01-CA2AF78206E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76E41D7-1B99-C24C-1482-5E2E98B0754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827CEC3-ACE8-F475-463A-05B6044773B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0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2841768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D774E62-BD69-0EA3-5121-23DD0F16F6C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E5789F7F-0B35-1511-0732-A46CAA7ACC08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6C32DF8-C6F7-2663-4F37-F3D12DC7F2A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E58F44E-A899-7DB6-558B-21B24F23F1D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1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10998689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ABA0EDF-1042-3DCF-554D-FADAD37F8F7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F3F041E-C214-8909-3C8E-D137DB9BCA1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B97FDE0E-3551-5D76-9427-4936A389CCB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D226C5F-0C40-FD58-F96C-294631D9993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2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821543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2FECCFC-FF70-8EA3-B4C1-10D923EE5CD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37CDAF7B-9C98-80E1-A26A-23A729C8452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6BF2862-C3C2-7335-4335-679A3B78E5E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948A167-1ECB-85B7-B5F7-6B19E4AE702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3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79819693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47816DF-9FB6-650B-84F3-B3796BD9764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4EEAD31F-89AC-B479-CB90-59D1D926485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A99CBDD-B7D1-9403-88FA-87363ED9FE2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F24822F-5523-A968-3735-FAFF2255C106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4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11717342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E11E2A7-AF42-A3D6-326A-15F783F061E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25D9CF3-1FA9-5AFB-6C17-8E7EC13707E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34CF1437-6AA5-7610-C061-56F17077E79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EAE7563-1F81-A570-0B3D-E09E4DFDCD55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5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83976874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D8F0853-C801-4A1B-8AA6-E126043C64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89D5992-2B6E-5112-F4BE-B24D4AFD251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E9176F2-56B7-3954-9BF6-6B7082406AB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3ADE378-1CE9-2133-4AC3-062209DFD08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6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159930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is is milestone </a:t>
            </a:r>
            <a:r>
              <a:rPr lang="ar-SA" dirty="0"/>
              <a:t>2</a:t>
            </a:r>
            <a:r>
              <a:rPr lang="en-US" dirty="0"/>
              <a:t>’s agenda. Modify if needed.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8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0710605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8AB7555-E492-315C-A228-A12B640F07F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5B15113-FE36-88F8-5E8C-7460164AF70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9A22750-2906-461B-71B7-1C4F96802D5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8A5D454-2C4B-6F10-1E67-8E30FD103DA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9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1629354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4059D91-A11E-93C4-20F1-2498948A88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E3B6835-B99C-A066-96C5-8E3CA66F13A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4C37EE3-053D-16AF-CC2F-C7C20298242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E0D6AC6-5E3B-C7E9-F5FE-ABC6036B4E60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0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5762100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is is milestone 1’s agenda. Modify if needed.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07106059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CC15703-3D1F-C0D9-A068-627A1835C37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8412E68B-24B3-B1A3-2A20-8D84CA13E11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1F5A7912-15FE-969D-FCCE-6204642A939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AC05BB-D3F5-0DE2-1CA9-61C5617F2F9D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1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90160692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34A29D-0248-2A4F-295E-07592AC5248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B624E12A-199D-EB02-113E-23FE50CF7F9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C89EA0B-B95E-C424-8C29-1F160F8A7B0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0880D99-2BCE-DE51-2746-79FD98DE287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2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65745690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is is milestone </a:t>
            </a:r>
            <a:r>
              <a:rPr lang="ar-SA" dirty="0"/>
              <a:t>2</a:t>
            </a:r>
            <a:r>
              <a:rPr lang="en-US" dirty="0"/>
              <a:t>’s agenda. Modify if needed.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3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07106059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8AB7555-E492-315C-A228-A12B640F07F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5B15113-FE36-88F8-5E8C-7460164AF70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9A22750-2906-461B-71B7-1C4F96802D5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8A5D454-2C4B-6F10-1E67-8E30FD103DA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4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1629354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4059D91-A11E-93C4-20F1-2498948A88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E3B6835-B99C-A066-96C5-8E3CA66F13A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4C37EE3-053D-16AF-CC2F-C7C20298242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E0D6AC6-5E3B-C7E9-F5FE-ABC6036B4E60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5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57621007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CC15703-3D1F-C0D9-A068-627A1835C37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8412E68B-24B3-B1A3-2A20-8D84CA13E11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1F5A7912-15FE-969D-FCCE-6204642A939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AC05BB-D3F5-0DE2-1CA9-61C5617F2F9D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6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901606929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CFD63D8-6D8D-93B2-D9E3-98D2AF32A3F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89098B5-2D46-88E3-6D47-C9674045766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CC5A97E-95D0-ABCD-1760-136F0BEF020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585B292-AB35-9120-BE43-7D6CE665E31C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7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85876991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9BB5C51-10E3-0362-EE88-D747B3DC035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437361FE-D553-2E39-5D56-C27F7EE56AE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EBE380C-6E06-E087-6FC9-73859D4098D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3B6693A-B26E-7A24-A6AC-09CDC64B2465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8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67569259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34A29D-0248-2A4F-295E-07592AC5248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B624E12A-199D-EB02-113E-23FE50CF7F9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C89EA0B-B95E-C424-8C29-1F160F8A7B0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0880D99-2BCE-DE51-2746-79FD98DE287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9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657456902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is is milestone </a:t>
            </a:r>
            <a:r>
              <a:rPr lang="ar-SA" dirty="0"/>
              <a:t>2</a:t>
            </a:r>
            <a:r>
              <a:rPr lang="en-US" dirty="0"/>
              <a:t>’s agenda. Modify if needed.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0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0710605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8AB7555-E492-315C-A228-A12B640F07F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5B15113-FE36-88F8-5E8C-7460164AF70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9A22750-2906-461B-71B7-1C4F96802D5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8A5D454-2C4B-6F10-1E67-8E30FD103DA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16293547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8AB7555-E492-315C-A228-A12B640F07F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5B15113-FE36-88F8-5E8C-7460164AF70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9A22750-2906-461B-71B7-1C4F96802D5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8A5D454-2C4B-6F10-1E67-8E30FD103DA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1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16293547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4059D91-A11E-93C4-20F1-2498948A88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E3B6835-B99C-A066-96C5-8E3CA66F13A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4C37EE3-053D-16AF-CC2F-C7C20298242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E0D6AC6-5E3B-C7E9-F5FE-ABC6036B4E60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2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57621007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CFD63D8-6D8D-93B2-D9E3-98D2AF32A3F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89098B5-2D46-88E3-6D47-C9674045766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CC5A97E-95D0-ABCD-1760-136F0BEF020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585B292-AB35-9120-BE43-7D6CE665E31C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3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85876991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9BB5C51-10E3-0362-EE88-D747B3DC035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437361FE-D553-2E39-5D56-C27F7EE56AE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EBE380C-6E06-E087-6FC9-73859D4098D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3B6693A-B26E-7A24-A6AC-09CDC64B2465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4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675692592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34A29D-0248-2A4F-295E-07592AC5248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B624E12A-199D-EB02-113E-23FE50CF7F9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C89EA0B-B95E-C424-8C29-1F160F8A7B0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0880D99-2BCE-DE51-2746-79FD98DE287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5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657456902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1AEDCF4-05A8-2ED3-D823-60C5C0E0563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8602EB3-2385-EB60-2F0F-8A9D1D9B908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1BCC7F75-C043-9F3B-6F2A-D627DEF9C37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6BAD305-01D6-6A5C-E221-071DB154CD45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6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65010180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D8F0853-C801-4A1B-8AA6-E126043C64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89D5992-2B6E-5112-F4BE-B24D4AFD251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E9176F2-56B7-3954-9BF6-6B7082406AB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3ADE378-1CE9-2133-4AC3-062209DFD08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7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1599301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dirty="0">
                <a:latin typeface="Arial"/>
                <a:ea typeface="+mn-ea"/>
                <a:cs typeface="Arial"/>
              </a:rPr>
              <a:t>Start with the verb describing the outcome, then write the rest of the </a:t>
            </a:r>
            <a:r>
              <a:rPr lang="en-US" dirty="0" err="1">
                <a:latin typeface="Arial"/>
                <a:ea typeface="+mn-ea"/>
                <a:cs typeface="Arial"/>
              </a:rPr>
              <a:t>cotcomes</a:t>
            </a:r>
            <a:r>
              <a:rPr lang="en-US" dirty="0">
                <a:latin typeface="Arial"/>
                <a:ea typeface="+mn-ea"/>
                <a:cs typeface="Arial"/>
              </a:rPr>
              <a:t>.</a:t>
            </a:r>
            <a:endParaRPr dirty="0">
              <a:latin typeface="Arial"/>
              <a:ea typeface="+mn-ea"/>
              <a:cs typeface="Arial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F38AFD9-D5DB-4A47-A4BE-251B4DF1413A}" type="slidenum">
              <a:rPr lang="en-US"/>
              <a:t>4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391312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4059D91-A11E-93C4-20F1-2498948A88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E3B6835-B99C-A066-96C5-8E3CA66F13A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4C37EE3-053D-16AF-CC2F-C7C20298242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E0D6AC6-5E3B-C7E9-F5FE-ABC6036B4E60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4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5762100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34A29D-0248-2A4F-295E-07592AC5248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B624E12A-199D-EB02-113E-23FE50CF7F9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C89EA0B-B95E-C424-8C29-1F160F8A7B0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0880D99-2BCE-DE51-2746-79FD98DE287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5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65745690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6F56314-1FDD-43AB-E4D2-197317B9053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F5E2A78-2013-C576-DFB6-6FFB1A77AC8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BEB6D8E-033F-A708-DDD4-9A64B9218BA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5508968-CD29-E8A9-C366-A0BEEF74F97F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6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57999764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FC054EE-B29A-9E57-8C92-3D344E3C8E5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35C1941C-ACA4-94CD-9ECE-168E8AF7123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86532C1-735F-743B-B6B5-DA570394CDA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C474A96-2700-230A-82F9-52CFF0B19A2C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7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13438006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4A61C7D-7300-2FD0-F1F4-6474173B2AD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08E9F9E-F662-8076-E5AB-9C553A8B78D8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E9176E0-7D84-55F6-8B9D-AB5E302F921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485C3A-D618-9784-8810-1D14C6DF59CC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8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93667834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09D02F9-DDCC-ECE5-18E1-38CB829A40C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FAB470F-0BE8-80A3-783D-93928354EF1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D194EB8-B144-5189-F377-11B07245FBF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396148B-FCF3-650A-3283-4FB340F9D8E6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9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68462461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Google Shape;16;p2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  <a:defRPr sz="6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17" name="Google Shape;17;p2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R="0" lvl="0" algn="ctr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8" name="Google Shape;18;p2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9" name="Google Shape;19;p2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20" name="Google Shape;20;p2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A42DD7-19FD-4E02-A80E-F3BA7B1D85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E84259F-B080-4EAB-836D-A2259861F27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F8A41A-6EE6-4934-B677-06FAD9A6B0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EC634F-52B2-4BF8-828F-7ED291EEEC64}" type="datetimeFigureOut">
              <a:rPr lang="en-US" smtClean="0"/>
              <a:t>3/15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EC908C0-8123-463D-AFA1-B69593BDAB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D18AB8-C326-4554-950B-78797464E0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8BE453-0989-489F-B431-8DF99659188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264496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oogle Shape;28;p4"/>
          <p:cNvSpPr txBox="1"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  <a:defRPr sz="6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29" name="Google Shape;29;p4"/>
          <p:cNvSpPr txBox="1"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888888"/>
              </a:buClr>
              <a:buSzPts val="2400"/>
              <a:buFont typeface="Arial"/>
              <a:buNone/>
              <a:defRPr sz="24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0" name="Google Shape;30;p4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1" name="Google Shape;31;p4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2" name="Google Shape;32;p4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ntent" type="twoObj">
  <p:cSld name="TWO_OBJECTS">
    <p:spTree>
      <p:nvGrpSpPr>
        <p:cNvPr id="1" name="Shape 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Google Shape;34;p5"/>
          <p:cNvSpPr txBox="1">
            <a:spLocks noGrp="1"/>
          </p:cNvSpPr>
          <p:nvPr>
            <p:ph type="title" hasCustomPrompt="1"/>
          </p:nvPr>
        </p:nvSpPr>
        <p:spPr>
          <a:xfrm>
            <a:off x="838200" y="1"/>
            <a:ext cx="10515600" cy="7302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bg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r>
              <a:rPr lang="en-US" dirty="0"/>
              <a:t>Title</a:t>
            </a:r>
            <a:endParaRPr dirty="0"/>
          </a:p>
        </p:txBody>
      </p:sp>
      <p:sp>
        <p:nvSpPr>
          <p:cNvPr id="35" name="Google Shape;35;p5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5181600" cy="4351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6" name="Google Shape;36;p5"/>
          <p:cNvSpPr txBox="1">
            <a:spLocks noGrp="1"/>
          </p:cNvSpPr>
          <p:nvPr>
            <p:ph type="body" idx="2"/>
          </p:nvPr>
        </p:nvSpPr>
        <p:spPr>
          <a:xfrm>
            <a:off x="6172200" y="1825625"/>
            <a:ext cx="5181600" cy="4351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7" name="Google Shape;37;p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8" name="Google Shape;38;p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9" name="Google Shape;39;p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mparison" type="twoTxTwoObj">
  <p:cSld name="TWO_OBJECTS_WITH_TEXT">
    <p:spTree>
      <p:nvGrpSpPr>
        <p:cNvPr id="1" name="Shape 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Google Shape;41;p6"/>
          <p:cNvSpPr txBox="1"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42" name="Google Shape;42;p6"/>
          <p:cNvSpPr txBox="1"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L="457200" marR="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3" name="Google Shape;43;p6"/>
          <p:cNvSpPr txBox="1">
            <a:spLocks noGrp="1"/>
          </p:cNvSpPr>
          <p:nvPr>
            <p:ph type="body" idx="2"/>
          </p:nvPr>
        </p:nvSpPr>
        <p:spPr>
          <a:xfrm>
            <a:off x="839788" y="2505075"/>
            <a:ext cx="5157787" cy="3684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4" name="Google Shape;44;p6"/>
          <p:cNvSpPr txBox="1">
            <a:spLocks noGrp="1"/>
          </p:cNvSpPr>
          <p:nvPr>
            <p:ph type="body" idx="3"/>
          </p:nvPr>
        </p:nvSpPr>
        <p:spPr>
          <a:xfrm>
            <a:off x="6172200" y="1681163"/>
            <a:ext cx="5183188" cy="8239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L="457200" marR="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5" name="Google Shape;45;p6"/>
          <p:cNvSpPr txBox="1">
            <a:spLocks noGrp="1"/>
          </p:cNvSpPr>
          <p:nvPr>
            <p:ph type="body" idx="4"/>
          </p:nvPr>
        </p:nvSpPr>
        <p:spPr>
          <a:xfrm>
            <a:off x="6172200" y="2505075"/>
            <a:ext cx="5183188" cy="3684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6" name="Google Shape;46;p6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7" name="Google Shape;47;p6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8" name="Google Shape;48;p6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type="titleOnly">
  <p:cSld name="TITLE_ONLY">
    <p:spTree>
      <p:nvGrpSpPr>
        <p:cNvPr id="1" name="Shape 4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Google Shape;50;p7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51" name="Google Shape;51;p7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2" name="Google Shape;52;p7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3" name="Google Shape;53;p7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Google Shape;55;p8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6" name="Google Shape;56;p8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7" name="Google Shape;57;p8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ntent with Caption" type="objTx">
  <p:cSld name="OBJECT_WITH_CAPTION_TEXT">
    <p:spTree>
      <p:nvGrpSpPr>
        <p:cNvPr id="1" name="Shape 5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Google Shape;59;p9"/>
          <p:cNvSpPr txBox="1"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Calibri"/>
              <a:buNone/>
              <a:defRPr sz="3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60" name="Google Shape;60;p9"/>
          <p:cNvSpPr txBox="1">
            <a:spLocks noGrp="1"/>
          </p:cNvSpPr>
          <p:nvPr>
            <p:ph type="body"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318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Arial"/>
              <a:buChar char="•"/>
              <a:defRPr sz="3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4064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61" name="Google Shape;61;p9"/>
          <p:cNvSpPr txBox="1">
            <a:spLocks noGrp="1"/>
          </p:cNvSpPr>
          <p:nvPr>
            <p:ph type="body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62" name="Google Shape;62;p9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63" name="Google Shape;63;p9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64" name="Google Shape;64;p9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Vertical Text" type="vertTx">
  <p:cSld name="VERTICAL_TEXT">
    <p:spTree>
      <p:nvGrpSpPr>
        <p:cNvPr id="1" name="Shape 7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" name="Google Shape;73;p11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74" name="Google Shape;74;p11"/>
          <p:cNvSpPr txBox="1">
            <a:spLocks noGrp="1"/>
          </p:cNvSpPr>
          <p:nvPr>
            <p:ph type="body" idx="1"/>
          </p:nvPr>
        </p:nvSpPr>
        <p:spPr>
          <a:xfrm rot="5400000">
            <a:off x="3920331" y="-1256506"/>
            <a:ext cx="4351338" cy="1051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5" name="Google Shape;75;p11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6" name="Google Shape;76;p11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7" name="Google Shape;77;p11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Vertical Title and Text" type="vertTitleAndTx">
  <p:cSld name="VERTICAL_TITLE_AND_VERTICAL_TEXT">
    <p:spTree>
      <p:nvGrpSpPr>
        <p:cNvPr id="1" name="Shape 7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Google Shape;79;p12"/>
          <p:cNvSpPr txBox="1">
            <a:spLocks noGrp="1"/>
          </p:cNvSpPr>
          <p:nvPr>
            <p:ph type="title"/>
          </p:nvPr>
        </p:nvSpPr>
        <p:spPr>
          <a:xfrm rot="5400000">
            <a:off x="7133431" y="1956594"/>
            <a:ext cx="5811838" cy="2628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80" name="Google Shape;80;p12"/>
          <p:cNvSpPr txBox="1">
            <a:spLocks noGrp="1"/>
          </p:cNvSpPr>
          <p:nvPr>
            <p:ph type="body" idx="1"/>
          </p:nvPr>
        </p:nvSpPr>
        <p:spPr>
          <a:xfrm rot="5400000">
            <a:off x="1799431" y="-596106"/>
            <a:ext cx="5811838" cy="7734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1" name="Google Shape;81;p12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2" name="Google Shape;82;p12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3" name="Google Shape;83;p12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jp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2"/>
          <a:srcRect/>
          <a:stretch>
            <a:fillRect/>
          </a:stretch>
        </a:blip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1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11" name="Google Shape;11;p1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2" name="Google Shape;12;p1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3" name="Google Shape;13;p1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4" name="Google Shape;14;p1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7" r:id="rId8"/>
    <p:sldLayoutId id="2147483658" r:id="rId9"/>
    <p:sldLayoutId id="2147483660" r:id="rId10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2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hyperlink" Target="https://www.officetimeline.com/office-timeline/download" TargetMode="Externa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notesSlide" Target="../notesSlides/notesSlide2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3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3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3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3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3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3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3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3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8.xml"/><Relationship Id="rId7" Type="http://schemas.microsoft.com/office/2007/relationships/diagramDrawing" Target="../diagrams/drawing8.xml"/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10.xml"/><Relationship Id="rId6" Type="http://schemas.openxmlformats.org/officeDocument/2006/relationships/diagramColors" Target="../diagrams/colors8.xml"/><Relationship Id="rId5" Type="http://schemas.openxmlformats.org/officeDocument/2006/relationships/diagramQuickStyle" Target="../diagrams/quickStyle8.xml"/><Relationship Id="rId4" Type="http://schemas.openxmlformats.org/officeDocument/2006/relationships/diagramLayout" Target="../diagrams/layout8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9.xml"/><Relationship Id="rId2" Type="http://schemas.openxmlformats.org/officeDocument/2006/relationships/diagramData" Target="../diagrams/data9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9.xml"/><Relationship Id="rId5" Type="http://schemas.openxmlformats.org/officeDocument/2006/relationships/diagramColors" Target="../diagrams/colors9.xml"/><Relationship Id="rId4" Type="http://schemas.openxmlformats.org/officeDocument/2006/relationships/diagramQuickStyle" Target="../diagrams/quickStyle9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6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6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1000" b="-1000"/>
          </a:stretch>
        </a:blipFill>
        <a:effectLst/>
      </p:bgPr>
    </p:bg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45BA1F-275D-FDF5-C48D-F4DB23EBCB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8000" dirty="0">
                <a:solidFill>
                  <a:schemeClr val="bg1"/>
                </a:solidFill>
              </a:rPr>
              <a:t>Project Title</a:t>
            </a:r>
            <a:endParaRPr lang="en-GB" sz="8000" dirty="0">
              <a:solidFill>
                <a:schemeClr val="bg1"/>
              </a:solidFill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FB5ED75-445A-AA27-F62D-C57EEEAA03D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1"/>
            <a:r>
              <a:rPr lang="en-US" dirty="0">
                <a:solidFill>
                  <a:srgbClr val="C29943"/>
                </a:solidFill>
                <a:latin typeface="DIN Next LT Arabic" panose="020B0503020203050203" pitchFamily="34" charset="-78"/>
                <a:cs typeface="DIN Next LT Arabic" panose="020B0503020203050203" pitchFamily="34" charset="-78"/>
              </a:rPr>
              <a:t>Project Team</a:t>
            </a:r>
          </a:p>
          <a:p>
            <a:pPr rtl="1"/>
            <a:r>
              <a:rPr lang="en-US" dirty="0">
                <a:solidFill>
                  <a:schemeClr val="bg1"/>
                </a:solidFill>
                <a:latin typeface="DIN Next LT Arabic" panose="020B0503020203050203" pitchFamily="34" charset="-78"/>
                <a:cs typeface="DIN Next LT Arabic" panose="020B0503020203050203" pitchFamily="34" charset="-78"/>
              </a:rPr>
              <a:t>Student 1, Student 2, Student 3, </a:t>
            </a:r>
            <a:r>
              <a:rPr lang="en-US">
                <a:solidFill>
                  <a:schemeClr val="bg1"/>
                </a:solidFill>
                <a:latin typeface="DIN Next LT Arabic" panose="020B0503020203050203" pitchFamily="34" charset="-78"/>
                <a:cs typeface="DIN Next LT Arabic" panose="020B0503020203050203" pitchFamily="34" charset="-78"/>
              </a:rPr>
              <a:t>Student 4</a:t>
            </a:r>
            <a:endParaRPr lang="en-US" dirty="0">
              <a:solidFill>
                <a:schemeClr val="bg1"/>
              </a:solidFill>
              <a:latin typeface="DIN Next LT Arabic" panose="020B0503020203050203" pitchFamily="34" charset="-78"/>
              <a:cs typeface="DIN Next LT Arabic" panose="020B0503020203050203" pitchFamily="34" charset="-78"/>
            </a:endParaRPr>
          </a:p>
          <a:p>
            <a:pPr rtl="1"/>
            <a:r>
              <a:rPr lang="en-US" dirty="0">
                <a:solidFill>
                  <a:srgbClr val="C29943"/>
                </a:solidFill>
                <a:latin typeface="DIN Next LT Arabic" panose="020B0503020203050203" pitchFamily="34" charset="-78"/>
                <a:cs typeface="DIN Next LT Arabic" panose="020B0503020203050203" pitchFamily="34" charset="-78"/>
              </a:rPr>
              <a:t>Supervised by </a:t>
            </a:r>
            <a:r>
              <a:rPr lang="en-US" dirty="0">
                <a:solidFill>
                  <a:schemeClr val="bg1"/>
                </a:solidFill>
                <a:latin typeface="DIN Next LT Arabic" panose="020B0503020203050203" pitchFamily="34" charset="-78"/>
                <a:cs typeface="DIN Next LT Arabic" panose="020B0503020203050203" pitchFamily="34" charset="-78"/>
              </a:rPr>
              <a:t>Faculty member</a:t>
            </a:r>
          </a:p>
          <a:p>
            <a:pPr rtl="1"/>
            <a:endParaRPr lang="en-US" dirty="0">
              <a:solidFill>
                <a:schemeClr val="bg1"/>
              </a:solidFill>
              <a:latin typeface="DIN Next LT Arabic" panose="020B0503020203050203" pitchFamily="34" charset="-78"/>
              <a:cs typeface="DIN Next LT Arabic" panose="020B0503020203050203" pitchFamily="34" charset="-78"/>
            </a:endParaRP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9EB4132-5187-BA04-29AD-C5661D6208E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6FC9217C-2BD9-1575-3E2B-B0A06D44C3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ethodology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62F32FC-7AEF-12A8-39B6-04728035375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Describe the methodology to be followed in the project </a:t>
            </a:r>
            <a:r>
              <a:rPr lang="en-US" dirty="0"/>
              <a:t>(Remove this line for the presentation).</a:t>
            </a:r>
            <a:endParaRPr lang="en-GB" dirty="0"/>
          </a:p>
          <a:p>
            <a:pPr marL="50800" indent="0">
              <a:buNone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701283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28836A7-C963-8D77-6C7B-01EA26AE754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8AB469AB-4CF8-32D2-55E1-C8364D5261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lternative Solutions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E00ECA8-F27F-B3E3-2EE3-8126C8D18E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Describe the different solutions that could be applied to the problem. Weight the pros and cons and justify your choice.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862086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63BB72-C647-FC56-AF8E-3AAA3FFE2BD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F9FCE426-2591-2C97-2CF8-2C280FA3DC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4691"/>
            <a:ext cx="10515600" cy="716973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quirements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itle copy">
            <a:extLst>
              <a:ext uri="{FF2B5EF4-FFF2-40B4-BE49-F238E27FC236}">
                <a16:creationId xmlns:a16="http://schemas.microsoft.com/office/drawing/2014/main" id="{BEF9A83B-DEF9-AEED-32C9-971E24E8A569}"/>
              </a:ext>
            </a:extLst>
          </p:cNvPr>
          <p:cNvSpPr/>
          <p:nvPr/>
        </p:nvSpPr>
        <p:spPr>
          <a:xfrm>
            <a:off x="1104687" y="1384498"/>
            <a:ext cx="5488024" cy="755651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sz="4217" dirty="0">
                <a:solidFill>
                  <a:schemeClr val="accent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unctional Requirements</a:t>
            </a:r>
          </a:p>
        </p:txBody>
      </p:sp>
      <p:pic>
        <p:nvPicPr>
          <p:cNvPr id="15" name="Line-24">
            <a:extLst>
              <a:ext uri="{FF2B5EF4-FFF2-40B4-BE49-F238E27FC236}">
                <a16:creationId xmlns:a16="http://schemas.microsoft.com/office/drawing/2014/main" id="{383F1544-A86D-6D48-FB8D-33FADBA4CE4D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 rot="5400000">
            <a:off x="436265" y="1664902"/>
            <a:ext cx="755651" cy="138050"/>
          </a:xfrm>
          <a:prstGeom prst="rect">
            <a:avLst/>
          </a:prstGeom>
          <a:solidFill>
            <a:srgbClr val="C29943"/>
          </a:solidFill>
          <a:ln>
            <a:noFill/>
          </a:ln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81125BAA-5216-D896-65F8-CFD2D40BD4B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2264735"/>
            <a:ext cx="10515600" cy="3912228"/>
          </a:xfrm>
        </p:spPr>
        <p:txBody>
          <a:bodyPr/>
          <a:lstStyle/>
          <a:p>
            <a:r>
              <a:rPr lang="en-GB" dirty="0"/>
              <a:t>List the functional requirements to be used in the project </a:t>
            </a:r>
            <a:r>
              <a:rPr lang="en-US" dirty="0"/>
              <a:t>(Remove this line for the presentation).</a:t>
            </a:r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5351880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DE18B65-C48B-585F-464F-8E045F3AEDF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851D208-CD92-38BE-49CF-7695B4287E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4691"/>
            <a:ext cx="10515600" cy="716973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quirements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itle copy">
            <a:extLst>
              <a:ext uri="{FF2B5EF4-FFF2-40B4-BE49-F238E27FC236}">
                <a16:creationId xmlns:a16="http://schemas.microsoft.com/office/drawing/2014/main" id="{B15258B9-93CD-4A07-8A49-7C3D1B014904}"/>
              </a:ext>
            </a:extLst>
          </p:cNvPr>
          <p:cNvSpPr/>
          <p:nvPr/>
        </p:nvSpPr>
        <p:spPr>
          <a:xfrm>
            <a:off x="1104686" y="1384498"/>
            <a:ext cx="6639492" cy="755651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sz="4217" dirty="0">
                <a:solidFill>
                  <a:schemeClr val="accent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Non-functional Requirements</a:t>
            </a:r>
          </a:p>
        </p:txBody>
      </p:sp>
      <p:pic>
        <p:nvPicPr>
          <p:cNvPr id="15" name="Line-24">
            <a:extLst>
              <a:ext uri="{FF2B5EF4-FFF2-40B4-BE49-F238E27FC236}">
                <a16:creationId xmlns:a16="http://schemas.microsoft.com/office/drawing/2014/main" id="{BE98873C-31AB-DF92-4300-8B3FDF0AA8CD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 rot="5400000">
            <a:off x="436265" y="1664902"/>
            <a:ext cx="755651" cy="138050"/>
          </a:xfrm>
          <a:prstGeom prst="rect">
            <a:avLst/>
          </a:prstGeom>
          <a:solidFill>
            <a:srgbClr val="C29943"/>
          </a:solidFill>
          <a:ln>
            <a:noFill/>
          </a:ln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62B1867-D6EE-2716-CECD-A3DE003B697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2264735"/>
            <a:ext cx="10515600" cy="3912228"/>
          </a:xfrm>
        </p:spPr>
        <p:txBody>
          <a:bodyPr/>
          <a:lstStyle/>
          <a:p>
            <a:r>
              <a:rPr lang="en-GB" dirty="0"/>
              <a:t>List the non-functional requirements to be used in the project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80284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D96B819-1EE0-470F-B14A-531D16AADB7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081E01BF-0CFB-4BA3-BC9C-3BCED29A16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4691"/>
            <a:ext cx="10515600" cy="716973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quirements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itle copy">
            <a:extLst>
              <a:ext uri="{FF2B5EF4-FFF2-40B4-BE49-F238E27FC236}">
                <a16:creationId xmlns:a16="http://schemas.microsoft.com/office/drawing/2014/main" id="{645A17DB-ACD4-A3C1-A82E-6D5990A90FFB}"/>
              </a:ext>
            </a:extLst>
          </p:cNvPr>
          <p:cNvSpPr/>
          <p:nvPr/>
        </p:nvSpPr>
        <p:spPr>
          <a:xfrm>
            <a:off x="1104687" y="1384498"/>
            <a:ext cx="5488024" cy="755651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sz="4217" dirty="0">
                <a:solidFill>
                  <a:schemeClr val="accent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oftware Requirements</a:t>
            </a:r>
          </a:p>
        </p:txBody>
      </p:sp>
      <p:pic>
        <p:nvPicPr>
          <p:cNvPr id="15" name="Line-24">
            <a:extLst>
              <a:ext uri="{FF2B5EF4-FFF2-40B4-BE49-F238E27FC236}">
                <a16:creationId xmlns:a16="http://schemas.microsoft.com/office/drawing/2014/main" id="{DB4D708C-A343-126A-BFC2-0BE4DEF36824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 rot="5400000">
            <a:off x="436265" y="1664902"/>
            <a:ext cx="755651" cy="138050"/>
          </a:xfrm>
          <a:prstGeom prst="rect">
            <a:avLst/>
          </a:prstGeom>
          <a:solidFill>
            <a:srgbClr val="C29943"/>
          </a:solidFill>
          <a:ln>
            <a:noFill/>
          </a:ln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E7C2DF1-5A3B-2A99-A26E-7394C3E1918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2264735"/>
            <a:ext cx="10515600" cy="3912228"/>
          </a:xfrm>
        </p:spPr>
        <p:txBody>
          <a:bodyPr/>
          <a:lstStyle/>
          <a:p>
            <a:r>
              <a:rPr lang="en-GB" dirty="0"/>
              <a:t>List the software requirements to be used in the project. You may include images.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651588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44BCE4D-B86C-F31E-5EDA-005E56BCDAA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C6111406-054F-F21F-6DB4-BCEF43957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4691"/>
            <a:ext cx="10515600" cy="716973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quirements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itle copy">
            <a:extLst>
              <a:ext uri="{FF2B5EF4-FFF2-40B4-BE49-F238E27FC236}">
                <a16:creationId xmlns:a16="http://schemas.microsoft.com/office/drawing/2014/main" id="{7E19D8FA-3B1D-A9E5-350A-EDDA6B3B2496}"/>
              </a:ext>
            </a:extLst>
          </p:cNvPr>
          <p:cNvSpPr/>
          <p:nvPr/>
        </p:nvSpPr>
        <p:spPr>
          <a:xfrm>
            <a:off x="1104687" y="1384498"/>
            <a:ext cx="5488024" cy="755651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sz="4217" dirty="0">
                <a:solidFill>
                  <a:schemeClr val="accent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Hardware Requirements</a:t>
            </a:r>
          </a:p>
        </p:txBody>
      </p:sp>
      <p:pic>
        <p:nvPicPr>
          <p:cNvPr id="15" name="Line-24">
            <a:extLst>
              <a:ext uri="{FF2B5EF4-FFF2-40B4-BE49-F238E27FC236}">
                <a16:creationId xmlns:a16="http://schemas.microsoft.com/office/drawing/2014/main" id="{6710E263-FE60-1422-734A-EE43AAEDB0F3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 rot="5400000">
            <a:off x="436265" y="1664902"/>
            <a:ext cx="755651" cy="138050"/>
          </a:xfrm>
          <a:prstGeom prst="rect">
            <a:avLst/>
          </a:prstGeom>
          <a:solidFill>
            <a:srgbClr val="C29943"/>
          </a:solidFill>
          <a:ln>
            <a:noFill/>
          </a:ln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448723A-B779-061A-C845-3BB660C26A3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2264735"/>
            <a:ext cx="10515600" cy="3912228"/>
          </a:xfrm>
        </p:spPr>
        <p:txBody>
          <a:bodyPr/>
          <a:lstStyle/>
          <a:p>
            <a:r>
              <a:rPr lang="en-GB" dirty="0"/>
              <a:t>List the hardware requirements to be used in the project. You may include images.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20916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0D6A8DB-B0DB-AF36-92EF-11C78B1D35A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3D95624-D583-7ECD-D32A-166ED924AC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ference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052CB91-56C7-6B0F-207E-408267AC8B4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Include a list of references including links to images any videos if any is used.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194182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69D9EECD-7675-8CEE-B5A9-895A5282B3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939348"/>
            <a:ext cx="10453577" cy="979303"/>
          </a:xfrm>
        </p:spPr>
        <p:txBody>
          <a:bodyPr/>
          <a:lstStyle/>
          <a:p>
            <a:pPr algn="ctr"/>
            <a:r>
              <a:rPr lang="en-GB" dirty="0"/>
              <a:t>Questions and Answers</a:t>
            </a:r>
          </a:p>
        </p:txBody>
      </p:sp>
    </p:spTree>
    <p:extLst>
      <p:ext uri="{BB962C8B-B14F-4D97-AF65-F5344CB8AC3E}">
        <p14:creationId xmlns:p14="http://schemas.microsoft.com/office/powerpoint/2010/main" val="393436213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Line">
            <a:extLst>
              <a:ext uri="{FF2B5EF4-FFF2-40B4-BE49-F238E27FC236}">
                <a16:creationId xmlns:a16="http://schemas.microsoft.com/office/drawing/2014/main" id="{009814FF-CDE8-7FF3-25D9-29F45EF8F277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 rot="5400000">
            <a:off x="2870439" y="3447994"/>
            <a:ext cx="4256927" cy="223924"/>
          </a:xfrm>
          <a:prstGeom prst="rect">
            <a:avLst/>
          </a:prstGeom>
        </p:spPr>
      </p:pic>
      <p:sp>
        <p:nvSpPr>
          <p:cNvPr id="8" name="Title 7">
            <a:extLst>
              <a:ext uri="{FF2B5EF4-FFF2-40B4-BE49-F238E27FC236}">
                <a16:creationId xmlns:a16="http://schemas.microsoft.com/office/drawing/2014/main" id="{2B1B18CF-10E1-EF51-3B7D-A2EC2C63E6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4691"/>
            <a:ext cx="10515600" cy="716973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genda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itle copy">
            <a:extLst>
              <a:ext uri="{FF2B5EF4-FFF2-40B4-BE49-F238E27FC236}">
                <a16:creationId xmlns:a16="http://schemas.microsoft.com/office/drawing/2014/main" id="{0E2E960C-CF1F-4838-0350-4C3554BFCCB0}"/>
              </a:ext>
            </a:extLst>
          </p:cNvPr>
          <p:cNvSpPr/>
          <p:nvPr/>
        </p:nvSpPr>
        <p:spPr>
          <a:xfrm>
            <a:off x="1104687" y="1384498"/>
            <a:ext cx="3782255" cy="755651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sz="4217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ilestone 2</a:t>
            </a:r>
          </a:p>
        </p:txBody>
      </p:sp>
      <p:pic>
        <p:nvPicPr>
          <p:cNvPr id="15" name="Line-24">
            <a:extLst>
              <a:ext uri="{FF2B5EF4-FFF2-40B4-BE49-F238E27FC236}">
                <a16:creationId xmlns:a16="http://schemas.microsoft.com/office/drawing/2014/main" id="{2559CF55-CE50-E637-584D-CC649D44E9BE}"/>
              </a:ext>
            </a:extLst>
          </p:cNvPr>
          <p:cNvPicPr/>
          <p:nvPr/>
        </p:nvPicPr>
        <p:blipFill rotWithShape="1">
          <a:blip r:embed="rId4"/>
          <a:stretch>
            <a:fillRect/>
          </a:stretch>
        </p:blipFill>
        <p:spPr>
          <a:xfrm rot="5400000">
            <a:off x="436265" y="1664902"/>
            <a:ext cx="755651" cy="138050"/>
          </a:xfrm>
          <a:prstGeom prst="rect">
            <a:avLst/>
          </a:prstGeom>
          <a:solidFill>
            <a:srgbClr val="C29943"/>
          </a:solidFill>
          <a:ln>
            <a:noFill/>
          </a:ln>
        </p:spPr>
      </p:pic>
      <p:sp>
        <p:nvSpPr>
          <p:cNvPr id="16" name="Diamond Container">
            <a:extLst>
              <a:ext uri="{FF2B5EF4-FFF2-40B4-BE49-F238E27FC236}">
                <a16:creationId xmlns:a16="http://schemas.microsoft.com/office/drawing/2014/main" id="{F3409237-BDC6-1C1A-1FCB-0EEDEB4C1A68}"/>
              </a:ext>
            </a:extLst>
          </p:cNvPr>
          <p:cNvSpPr/>
          <p:nvPr/>
        </p:nvSpPr>
        <p:spPr>
          <a:xfrm>
            <a:off x="4604681" y="1284814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1</a:t>
            </a:r>
          </a:p>
        </p:txBody>
      </p:sp>
      <p:sp>
        <p:nvSpPr>
          <p:cNvPr id="25" name="Diamond Container">
            <a:extLst>
              <a:ext uri="{FF2B5EF4-FFF2-40B4-BE49-F238E27FC236}">
                <a16:creationId xmlns:a16="http://schemas.microsoft.com/office/drawing/2014/main" id="{A6FCB858-B8CB-20BD-F9D5-18846ED763E9}"/>
              </a:ext>
            </a:extLst>
          </p:cNvPr>
          <p:cNvSpPr/>
          <p:nvPr/>
        </p:nvSpPr>
        <p:spPr>
          <a:xfrm>
            <a:off x="4604680" y="2602646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2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6" name="Diamond Container">
            <a:extLst>
              <a:ext uri="{FF2B5EF4-FFF2-40B4-BE49-F238E27FC236}">
                <a16:creationId xmlns:a16="http://schemas.microsoft.com/office/drawing/2014/main" id="{717E4D21-FFBB-7482-C010-FFED40129F11}"/>
              </a:ext>
            </a:extLst>
          </p:cNvPr>
          <p:cNvSpPr/>
          <p:nvPr/>
        </p:nvSpPr>
        <p:spPr>
          <a:xfrm>
            <a:off x="4604680" y="5232580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4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8" name="Diamond Container">
            <a:extLst>
              <a:ext uri="{FF2B5EF4-FFF2-40B4-BE49-F238E27FC236}">
                <a16:creationId xmlns:a16="http://schemas.microsoft.com/office/drawing/2014/main" id="{F68AF533-DF72-12E6-87E3-175831112627}"/>
              </a:ext>
            </a:extLst>
          </p:cNvPr>
          <p:cNvSpPr/>
          <p:nvPr/>
        </p:nvSpPr>
        <p:spPr>
          <a:xfrm>
            <a:off x="4604680" y="3917613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3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3" name="title copy">
            <a:extLst>
              <a:ext uri="{FF2B5EF4-FFF2-40B4-BE49-F238E27FC236}">
                <a16:creationId xmlns:a16="http://schemas.microsoft.com/office/drawing/2014/main" id="{7C3EB8F4-26D4-E8CA-13EA-06BCA0F8EC62}"/>
              </a:ext>
            </a:extLst>
          </p:cNvPr>
          <p:cNvSpPr/>
          <p:nvPr/>
        </p:nvSpPr>
        <p:spPr>
          <a:xfrm>
            <a:off x="5709539" y="1577891"/>
            <a:ext cx="5641797" cy="312072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/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Used in Project Proposal</a:t>
            </a:r>
          </a:p>
        </p:txBody>
      </p:sp>
      <p:sp>
        <p:nvSpPr>
          <p:cNvPr id="42" name="title copy">
            <a:extLst>
              <a:ext uri="{FF2B5EF4-FFF2-40B4-BE49-F238E27FC236}">
                <a16:creationId xmlns:a16="http://schemas.microsoft.com/office/drawing/2014/main" id="{127AD7E3-87F6-4274-8E4A-52659247090A}"/>
              </a:ext>
            </a:extLst>
          </p:cNvPr>
          <p:cNvSpPr/>
          <p:nvPr/>
        </p:nvSpPr>
        <p:spPr>
          <a:xfrm>
            <a:off x="5709541" y="2712027"/>
            <a:ext cx="5641796" cy="71697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endParaRPr lang="en-US"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3" name="title copy">
            <a:extLst>
              <a:ext uri="{FF2B5EF4-FFF2-40B4-BE49-F238E27FC236}">
                <a16:creationId xmlns:a16="http://schemas.microsoft.com/office/drawing/2014/main" id="{CED25BB5-6EB8-C2AB-4742-135C69EE2FA4}"/>
              </a:ext>
            </a:extLst>
          </p:cNvPr>
          <p:cNvSpPr/>
          <p:nvPr/>
        </p:nvSpPr>
        <p:spPr>
          <a:xfrm>
            <a:off x="5709539" y="4145575"/>
            <a:ext cx="5641796" cy="418758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&amp; Techniques for Implementation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5" name="title copy">
            <a:extLst>
              <a:ext uri="{FF2B5EF4-FFF2-40B4-BE49-F238E27FC236}">
                <a16:creationId xmlns:a16="http://schemas.microsoft.com/office/drawing/2014/main" id="{7500DCB4-B295-1F25-3602-659FE0255443}"/>
              </a:ext>
            </a:extLst>
          </p:cNvPr>
          <p:cNvSpPr/>
          <p:nvPr/>
        </p:nvSpPr>
        <p:spPr>
          <a:xfrm>
            <a:off x="5709539" y="5475233"/>
            <a:ext cx="5641796" cy="418758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dentified tasks &amp; plan for implementation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itle copy">
            <a:extLst>
              <a:ext uri="{FF2B5EF4-FFF2-40B4-BE49-F238E27FC236}">
                <a16:creationId xmlns:a16="http://schemas.microsoft.com/office/drawing/2014/main" id="{E4E33086-F2AC-F56B-B1F9-706335C475C6}"/>
              </a:ext>
            </a:extLst>
          </p:cNvPr>
          <p:cNvSpPr/>
          <p:nvPr/>
        </p:nvSpPr>
        <p:spPr>
          <a:xfrm>
            <a:off x="5709540" y="2881086"/>
            <a:ext cx="5641797" cy="312072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/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etails of the proposed design</a:t>
            </a:r>
          </a:p>
        </p:txBody>
      </p:sp>
    </p:spTree>
    <p:extLst>
      <p:ext uri="{BB962C8B-B14F-4D97-AF65-F5344CB8AC3E}">
        <p14:creationId xmlns:p14="http://schemas.microsoft.com/office/powerpoint/2010/main" val="7625826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33" grpId="0"/>
      <p:bldP spid="2" grpId="0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D09EFEA-CEC5-BA43-0CAD-B373C810716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5CE82E05-1C1C-DCAF-A3B1-0C14D5D3AC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oject Recap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623F467-9FCD-632A-4641-C7BE592FA8E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Start by revising the context of the problem and project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96019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Line">
            <a:extLst>
              <a:ext uri="{FF2B5EF4-FFF2-40B4-BE49-F238E27FC236}">
                <a16:creationId xmlns:a16="http://schemas.microsoft.com/office/drawing/2014/main" id="{009814FF-CDE8-7FF3-25D9-29F45EF8F277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>
            <a:off x="2844799" y="3570281"/>
            <a:ext cx="6814461" cy="223925"/>
          </a:xfrm>
          <a:prstGeom prst="rect">
            <a:avLst/>
          </a:prstGeom>
        </p:spPr>
      </p:pic>
      <p:pic>
        <p:nvPicPr>
          <p:cNvPr id="27" name="Line">
            <a:extLst>
              <a:ext uri="{FF2B5EF4-FFF2-40B4-BE49-F238E27FC236}">
                <a16:creationId xmlns:a16="http://schemas.microsoft.com/office/drawing/2014/main" id="{FE5E32BD-D586-0C77-8903-891D42897DB6}"/>
              </a:ext>
            </a:extLst>
          </p:cNvPr>
          <p:cNvPicPr/>
          <p:nvPr/>
        </p:nvPicPr>
        <p:blipFill rotWithShape="1">
          <a:blip r:embed="rId4"/>
          <a:stretch>
            <a:fillRect/>
          </a:stretch>
        </p:blipFill>
        <p:spPr>
          <a:xfrm>
            <a:off x="2881444" y="5443195"/>
            <a:ext cx="4618829" cy="192609"/>
          </a:xfrm>
          <a:prstGeom prst="rect">
            <a:avLst/>
          </a:prstGeom>
        </p:spPr>
      </p:pic>
      <p:sp>
        <p:nvSpPr>
          <p:cNvPr id="8" name="Title 7">
            <a:extLst>
              <a:ext uri="{FF2B5EF4-FFF2-40B4-BE49-F238E27FC236}">
                <a16:creationId xmlns:a16="http://schemas.microsoft.com/office/drawing/2014/main" id="{2B1B18CF-10E1-EF51-3B7D-A2EC2C63E6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4691"/>
            <a:ext cx="10515600" cy="716973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genda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itle copy">
            <a:extLst>
              <a:ext uri="{FF2B5EF4-FFF2-40B4-BE49-F238E27FC236}">
                <a16:creationId xmlns:a16="http://schemas.microsoft.com/office/drawing/2014/main" id="{0E2E960C-CF1F-4838-0350-4C3554BFCCB0}"/>
              </a:ext>
            </a:extLst>
          </p:cNvPr>
          <p:cNvSpPr/>
          <p:nvPr/>
        </p:nvSpPr>
        <p:spPr>
          <a:xfrm>
            <a:off x="1104687" y="1384498"/>
            <a:ext cx="3782255" cy="755651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sz="4217" dirty="0">
                <a:solidFill>
                  <a:schemeClr val="accent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ilestone 1</a:t>
            </a:r>
          </a:p>
        </p:txBody>
      </p:sp>
      <p:pic>
        <p:nvPicPr>
          <p:cNvPr id="15" name="Line-24">
            <a:extLst>
              <a:ext uri="{FF2B5EF4-FFF2-40B4-BE49-F238E27FC236}">
                <a16:creationId xmlns:a16="http://schemas.microsoft.com/office/drawing/2014/main" id="{2559CF55-CE50-E637-584D-CC649D44E9BE}"/>
              </a:ext>
            </a:extLst>
          </p:cNvPr>
          <p:cNvPicPr/>
          <p:nvPr/>
        </p:nvPicPr>
        <p:blipFill rotWithShape="1">
          <a:blip r:embed="rId5"/>
          <a:stretch>
            <a:fillRect/>
          </a:stretch>
        </p:blipFill>
        <p:spPr>
          <a:xfrm rot="5400000">
            <a:off x="436265" y="1664902"/>
            <a:ext cx="755651" cy="138050"/>
          </a:xfrm>
          <a:prstGeom prst="rect">
            <a:avLst/>
          </a:prstGeom>
          <a:solidFill>
            <a:srgbClr val="C29943"/>
          </a:solidFill>
          <a:ln>
            <a:noFill/>
          </a:ln>
        </p:spPr>
      </p:pic>
      <p:sp>
        <p:nvSpPr>
          <p:cNvPr id="16" name="Diamond Container">
            <a:extLst>
              <a:ext uri="{FF2B5EF4-FFF2-40B4-BE49-F238E27FC236}">
                <a16:creationId xmlns:a16="http://schemas.microsoft.com/office/drawing/2014/main" id="{F3409237-BDC6-1C1A-1FCB-0EEDEB4C1A68}"/>
              </a:ext>
            </a:extLst>
          </p:cNvPr>
          <p:cNvSpPr/>
          <p:nvPr/>
        </p:nvSpPr>
        <p:spPr>
          <a:xfrm>
            <a:off x="4604681" y="1284814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1</a:t>
            </a:r>
          </a:p>
        </p:txBody>
      </p:sp>
      <p:pic>
        <p:nvPicPr>
          <p:cNvPr id="17" name="Line">
            <a:extLst>
              <a:ext uri="{FF2B5EF4-FFF2-40B4-BE49-F238E27FC236}">
                <a16:creationId xmlns:a16="http://schemas.microsoft.com/office/drawing/2014/main" id="{E5D5EB47-F917-F907-1EE1-11EAEF65A797}"/>
              </a:ext>
            </a:extLst>
          </p:cNvPr>
          <p:cNvPicPr/>
          <p:nvPr/>
        </p:nvPicPr>
        <p:blipFill rotWithShape="1">
          <a:blip r:embed="rId6"/>
          <a:stretch>
            <a:fillRect/>
          </a:stretch>
        </p:blipFill>
        <p:spPr>
          <a:xfrm>
            <a:off x="7463629" y="1629783"/>
            <a:ext cx="1472679" cy="240984"/>
          </a:xfrm>
          <a:prstGeom prst="rect">
            <a:avLst/>
          </a:prstGeom>
        </p:spPr>
      </p:pic>
      <p:sp>
        <p:nvSpPr>
          <p:cNvPr id="18" name="Diamond Container">
            <a:extLst>
              <a:ext uri="{FF2B5EF4-FFF2-40B4-BE49-F238E27FC236}">
                <a16:creationId xmlns:a16="http://schemas.microsoft.com/office/drawing/2014/main" id="{856BEDDE-DA79-397F-4C6F-19E9D1F43C47}"/>
              </a:ext>
            </a:extLst>
          </p:cNvPr>
          <p:cNvSpPr/>
          <p:nvPr/>
        </p:nvSpPr>
        <p:spPr>
          <a:xfrm>
            <a:off x="6719984" y="1256417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2</a:t>
            </a:r>
          </a:p>
        </p:txBody>
      </p:sp>
      <p:pic>
        <p:nvPicPr>
          <p:cNvPr id="19" name="Line">
            <a:extLst>
              <a:ext uri="{FF2B5EF4-FFF2-40B4-BE49-F238E27FC236}">
                <a16:creationId xmlns:a16="http://schemas.microsoft.com/office/drawing/2014/main" id="{B4E4634B-22BF-6707-3FE1-828A6373B665}"/>
              </a:ext>
            </a:extLst>
          </p:cNvPr>
          <p:cNvPicPr/>
          <p:nvPr/>
        </p:nvPicPr>
        <p:blipFill rotWithShape="1">
          <a:blip r:embed="rId7"/>
          <a:stretch>
            <a:fillRect/>
          </a:stretch>
        </p:blipFill>
        <p:spPr>
          <a:xfrm>
            <a:off x="9427202" y="1626942"/>
            <a:ext cx="1660111" cy="2167263"/>
          </a:xfrm>
          <a:prstGeom prst="rect">
            <a:avLst/>
          </a:prstGeom>
        </p:spPr>
      </p:pic>
      <p:sp>
        <p:nvSpPr>
          <p:cNvPr id="21" name="Diamond Container">
            <a:extLst>
              <a:ext uri="{FF2B5EF4-FFF2-40B4-BE49-F238E27FC236}">
                <a16:creationId xmlns:a16="http://schemas.microsoft.com/office/drawing/2014/main" id="{854CC5FC-E2D9-0251-7615-E1F0B1BAD406}"/>
              </a:ext>
            </a:extLst>
          </p:cNvPr>
          <p:cNvSpPr/>
          <p:nvPr/>
        </p:nvSpPr>
        <p:spPr>
          <a:xfrm>
            <a:off x="8784578" y="3138381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4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Diamond Container">
            <a:extLst>
              <a:ext uri="{FF2B5EF4-FFF2-40B4-BE49-F238E27FC236}">
                <a16:creationId xmlns:a16="http://schemas.microsoft.com/office/drawing/2014/main" id="{53C75AEC-198A-7DCF-9248-8588648D63CA}"/>
              </a:ext>
            </a:extLst>
          </p:cNvPr>
          <p:cNvSpPr/>
          <p:nvPr/>
        </p:nvSpPr>
        <p:spPr>
          <a:xfrm>
            <a:off x="6719984" y="3147306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5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24" name="Line">
            <a:extLst>
              <a:ext uri="{FF2B5EF4-FFF2-40B4-BE49-F238E27FC236}">
                <a16:creationId xmlns:a16="http://schemas.microsoft.com/office/drawing/2014/main" id="{E0FE12F0-2AAA-5CD9-F3E6-12C8787396E9}"/>
              </a:ext>
            </a:extLst>
          </p:cNvPr>
          <p:cNvPicPr/>
          <p:nvPr/>
        </p:nvPicPr>
        <p:blipFill rotWithShape="1">
          <a:blip r:embed="rId8"/>
          <a:stretch>
            <a:fillRect/>
          </a:stretch>
        </p:blipFill>
        <p:spPr>
          <a:xfrm>
            <a:off x="1104687" y="3570282"/>
            <a:ext cx="2005495" cy="2099127"/>
          </a:xfrm>
          <a:prstGeom prst="rect">
            <a:avLst/>
          </a:prstGeom>
        </p:spPr>
      </p:pic>
      <p:sp>
        <p:nvSpPr>
          <p:cNvPr id="25" name="Diamond Container">
            <a:extLst>
              <a:ext uri="{FF2B5EF4-FFF2-40B4-BE49-F238E27FC236}">
                <a16:creationId xmlns:a16="http://schemas.microsoft.com/office/drawing/2014/main" id="{A6FCB858-B8CB-20BD-F9D5-18846ED763E9}"/>
              </a:ext>
            </a:extLst>
          </p:cNvPr>
          <p:cNvSpPr/>
          <p:nvPr/>
        </p:nvSpPr>
        <p:spPr>
          <a:xfrm>
            <a:off x="4606107" y="3138381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6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6" name="Diamond Container">
            <a:extLst>
              <a:ext uri="{FF2B5EF4-FFF2-40B4-BE49-F238E27FC236}">
                <a16:creationId xmlns:a16="http://schemas.microsoft.com/office/drawing/2014/main" id="{717E4D21-FFBB-7482-C010-FFED40129F11}"/>
              </a:ext>
            </a:extLst>
          </p:cNvPr>
          <p:cNvSpPr/>
          <p:nvPr/>
        </p:nvSpPr>
        <p:spPr>
          <a:xfrm>
            <a:off x="2220942" y="5087561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8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8" name="Diamond Container">
            <a:extLst>
              <a:ext uri="{FF2B5EF4-FFF2-40B4-BE49-F238E27FC236}">
                <a16:creationId xmlns:a16="http://schemas.microsoft.com/office/drawing/2014/main" id="{F68AF533-DF72-12E6-87E3-175831112627}"/>
              </a:ext>
            </a:extLst>
          </p:cNvPr>
          <p:cNvSpPr/>
          <p:nvPr/>
        </p:nvSpPr>
        <p:spPr>
          <a:xfrm>
            <a:off x="4604681" y="5087561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9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3" name="title copy">
            <a:extLst>
              <a:ext uri="{FF2B5EF4-FFF2-40B4-BE49-F238E27FC236}">
                <a16:creationId xmlns:a16="http://schemas.microsoft.com/office/drawing/2014/main" id="{7C3EB8F4-26D4-E8CA-13EA-06BCA0F8EC62}"/>
              </a:ext>
            </a:extLst>
          </p:cNvPr>
          <p:cNvSpPr/>
          <p:nvPr/>
        </p:nvSpPr>
        <p:spPr>
          <a:xfrm>
            <a:off x="4236517" y="2342865"/>
            <a:ext cx="1722248" cy="377439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Background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4" name="title copy">
            <a:extLst>
              <a:ext uri="{FF2B5EF4-FFF2-40B4-BE49-F238E27FC236}">
                <a16:creationId xmlns:a16="http://schemas.microsoft.com/office/drawing/2014/main" id="{01DFBF0E-9C23-528F-677F-00D8DFC3B9E1}"/>
              </a:ext>
            </a:extLst>
          </p:cNvPr>
          <p:cNvSpPr/>
          <p:nvPr/>
        </p:nvSpPr>
        <p:spPr>
          <a:xfrm>
            <a:off x="6460267" y="2357650"/>
            <a:ext cx="1458315" cy="450215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otivation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36" name="Line">
            <a:extLst>
              <a:ext uri="{FF2B5EF4-FFF2-40B4-BE49-F238E27FC236}">
                <a16:creationId xmlns:a16="http://schemas.microsoft.com/office/drawing/2014/main" id="{AADF50F2-C6AC-AEE3-D92E-C13B91DF61C2}"/>
              </a:ext>
            </a:extLst>
          </p:cNvPr>
          <p:cNvPicPr/>
          <p:nvPr/>
        </p:nvPicPr>
        <p:blipFill rotWithShape="1">
          <a:blip r:embed="rId6"/>
          <a:stretch>
            <a:fillRect/>
          </a:stretch>
        </p:blipFill>
        <p:spPr>
          <a:xfrm>
            <a:off x="5405227" y="1626943"/>
            <a:ext cx="1472679" cy="240984"/>
          </a:xfrm>
          <a:prstGeom prst="rect">
            <a:avLst/>
          </a:prstGeom>
        </p:spPr>
      </p:pic>
      <p:sp>
        <p:nvSpPr>
          <p:cNvPr id="37" name="Diamond Container">
            <a:extLst>
              <a:ext uri="{FF2B5EF4-FFF2-40B4-BE49-F238E27FC236}">
                <a16:creationId xmlns:a16="http://schemas.microsoft.com/office/drawing/2014/main" id="{EA0E399A-A171-E286-8F6C-5BE37F4CBF18}"/>
              </a:ext>
            </a:extLst>
          </p:cNvPr>
          <p:cNvSpPr/>
          <p:nvPr/>
        </p:nvSpPr>
        <p:spPr>
          <a:xfrm>
            <a:off x="8784578" y="1278726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3</a:t>
            </a:r>
          </a:p>
        </p:txBody>
      </p:sp>
      <p:sp>
        <p:nvSpPr>
          <p:cNvPr id="38" name="title copy">
            <a:extLst>
              <a:ext uri="{FF2B5EF4-FFF2-40B4-BE49-F238E27FC236}">
                <a16:creationId xmlns:a16="http://schemas.microsoft.com/office/drawing/2014/main" id="{8F9CE251-B4FA-6A90-4F56-1D142EC40AF2}"/>
              </a:ext>
            </a:extLst>
          </p:cNvPr>
          <p:cNvSpPr/>
          <p:nvPr/>
        </p:nvSpPr>
        <p:spPr>
          <a:xfrm>
            <a:off x="8272989" y="2349060"/>
            <a:ext cx="2257778" cy="377439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oblem Statement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9" name="Diamond Container">
            <a:extLst>
              <a:ext uri="{FF2B5EF4-FFF2-40B4-BE49-F238E27FC236}">
                <a16:creationId xmlns:a16="http://schemas.microsoft.com/office/drawing/2014/main" id="{52A7F70E-CDF2-D943-B3CC-C70E05DC7086}"/>
              </a:ext>
            </a:extLst>
          </p:cNvPr>
          <p:cNvSpPr/>
          <p:nvPr/>
        </p:nvSpPr>
        <p:spPr>
          <a:xfrm>
            <a:off x="2220942" y="3147306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7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0" name="Diamond Container">
            <a:extLst>
              <a:ext uri="{FF2B5EF4-FFF2-40B4-BE49-F238E27FC236}">
                <a16:creationId xmlns:a16="http://schemas.microsoft.com/office/drawing/2014/main" id="{00964097-CAC2-9B30-0158-6EB698CC1F03}"/>
              </a:ext>
            </a:extLst>
          </p:cNvPr>
          <p:cNvSpPr/>
          <p:nvPr/>
        </p:nvSpPr>
        <p:spPr>
          <a:xfrm>
            <a:off x="6662467" y="5087561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10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1" name="title copy">
            <a:extLst>
              <a:ext uri="{FF2B5EF4-FFF2-40B4-BE49-F238E27FC236}">
                <a16:creationId xmlns:a16="http://schemas.microsoft.com/office/drawing/2014/main" id="{69E62770-B43D-6737-EBB4-0705652C3D49}"/>
              </a:ext>
            </a:extLst>
          </p:cNvPr>
          <p:cNvSpPr/>
          <p:nvPr/>
        </p:nvSpPr>
        <p:spPr>
          <a:xfrm>
            <a:off x="8407160" y="4208041"/>
            <a:ext cx="1660111" cy="41518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oject Scope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2" name="title copy">
            <a:extLst>
              <a:ext uri="{FF2B5EF4-FFF2-40B4-BE49-F238E27FC236}">
                <a16:creationId xmlns:a16="http://schemas.microsoft.com/office/drawing/2014/main" id="{127AD7E3-87F6-4274-8E4A-52659247090A}"/>
              </a:ext>
            </a:extLst>
          </p:cNvPr>
          <p:cNvSpPr/>
          <p:nvPr/>
        </p:nvSpPr>
        <p:spPr>
          <a:xfrm>
            <a:off x="6299201" y="4201043"/>
            <a:ext cx="1724710" cy="41518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lated Work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3" name="title copy">
            <a:extLst>
              <a:ext uri="{FF2B5EF4-FFF2-40B4-BE49-F238E27FC236}">
                <a16:creationId xmlns:a16="http://schemas.microsoft.com/office/drawing/2014/main" id="{CED25BB5-6EB8-C2AB-4742-135C69EE2FA4}"/>
              </a:ext>
            </a:extLst>
          </p:cNvPr>
          <p:cNvSpPr/>
          <p:nvPr/>
        </p:nvSpPr>
        <p:spPr>
          <a:xfrm>
            <a:off x="4179667" y="4220385"/>
            <a:ext cx="1724710" cy="41518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Objectives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4" name="title copy">
            <a:extLst>
              <a:ext uri="{FF2B5EF4-FFF2-40B4-BE49-F238E27FC236}">
                <a16:creationId xmlns:a16="http://schemas.microsoft.com/office/drawing/2014/main" id="{E354455C-CDA3-197A-9D49-AB2FA45145C0}"/>
              </a:ext>
            </a:extLst>
          </p:cNvPr>
          <p:cNvSpPr/>
          <p:nvPr/>
        </p:nvSpPr>
        <p:spPr>
          <a:xfrm>
            <a:off x="1488895" y="4201043"/>
            <a:ext cx="2381954" cy="41518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xpected Outcomes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5" name="title copy">
            <a:extLst>
              <a:ext uri="{FF2B5EF4-FFF2-40B4-BE49-F238E27FC236}">
                <a16:creationId xmlns:a16="http://schemas.microsoft.com/office/drawing/2014/main" id="{7500DCB4-B295-1F25-3602-659FE0255443}"/>
              </a:ext>
            </a:extLst>
          </p:cNvPr>
          <p:cNvSpPr/>
          <p:nvPr/>
        </p:nvSpPr>
        <p:spPr>
          <a:xfrm>
            <a:off x="4296362" y="6110285"/>
            <a:ext cx="1491319" cy="41518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ethodology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6" name="title copy">
            <a:extLst>
              <a:ext uri="{FF2B5EF4-FFF2-40B4-BE49-F238E27FC236}">
                <a16:creationId xmlns:a16="http://schemas.microsoft.com/office/drawing/2014/main" id="{D2ADF027-0387-A655-F53E-0904A5A010DA}"/>
              </a:ext>
            </a:extLst>
          </p:cNvPr>
          <p:cNvSpPr/>
          <p:nvPr/>
        </p:nvSpPr>
        <p:spPr>
          <a:xfrm>
            <a:off x="1343379" y="6118166"/>
            <a:ext cx="2640360" cy="41518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lternative Solutions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7" name="title copy">
            <a:extLst>
              <a:ext uri="{FF2B5EF4-FFF2-40B4-BE49-F238E27FC236}">
                <a16:creationId xmlns:a16="http://schemas.microsoft.com/office/drawing/2014/main" id="{DF54A037-53C7-B809-AC5C-C7D395D85244}"/>
              </a:ext>
            </a:extLst>
          </p:cNvPr>
          <p:cNvSpPr/>
          <p:nvPr/>
        </p:nvSpPr>
        <p:spPr>
          <a:xfrm>
            <a:off x="6299202" y="6126101"/>
            <a:ext cx="1724710" cy="41518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quirements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351203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18" grpId="0" animBg="1"/>
      <p:bldP spid="33" grpId="0"/>
      <p:bldP spid="34" grpId="0"/>
      <p:bldP spid="37" grpId="0" animBg="1"/>
      <p:bldP spid="38" grpId="0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27703C-61A9-681F-0465-5CE90F5E35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FF94742-B930-6891-C4CF-3DE7C8180C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Used in Project Proposal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389A29B-6631-488F-C819-39008684BC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US" dirty="0"/>
              <a:t>List the tools used in Project Proposal. You may use icons here instead of text (Remove this line for the presentation).</a:t>
            </a:r>
            <a:endParaRPr lang="en-GB" dirty="0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D547400E-FD35-3ED3-D10F-FF5420821D8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66723204"/>
              </p:ext>
            </p:extLst>
          </p:nvPr>
        </p:nvGraphicFramePr>
        <p:xfrm>
          <a:off x="1082749" y="2849524"/>
          <a:ext cx="10026502" cy="31791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01834788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6084ABE-FB17-9AA8-9F41-05A59DC82BE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7D4123B-5A5E-2826-45A5-64C3F765F5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&amp; </a:t>
            </a:r>
            <a:r>
              <a:rPr lang="en-US" sz="36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</a:t>
            </a:r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chniques </a:t>
            </a:r>
            <a:r>
              <a:rPr lang="en-US" sz="36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or </a:t>
            </a:r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mplementation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3B869ED-1B87-F2A5-8CA5-7B8F4AB2AB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US" dirty="0"/>
              <a:t>List the tools and techniques to be used in Project Implementation. You may use icons here instead of text (Remove this line for the presentation).</a:t>
            </a:r>
            <a:endParaRPr lang="en-GB" dirty="0"/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D4CE74DA-3CA1-2BAF-9374-63C6C84F6F8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094024698"/>
              </p:ext>
            </p:extLst>
          </p:nvPr>
        </p:nvGraphicFramePr>
        <p:xfrm>
          <a:off x="1082749" y="2849524"/>
          <a:ext cx="10026502" cy="31791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08293414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F45AD1-ABEE-1DD0-971F-D4F163FE0E8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8D5BA0EE-4441-F58D-64F9-5E31710F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991" y="0"/>
            <a:ext cx="10515600" cy="873567"/>
          </a:xfrm>
        </p:spPr>
        <p:txBody>
          <a:bodyPr/>
          <a:lstStyle/>
          <a:p>
            <a:pPr algn="ctr"/>
            <a:r>
              <a:rPr lang="en-US" sz="4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dentified tasks &amp; plan for implementation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15F6B74-F52F-25B0-AA69-F288190D39D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92835" y="1216794"/>
            <a:ext cx="10515600" cy="940213"/>
          </a:xfrm>
        </p:spPr>
        <p:txBody>
          <a:bodyPr/>
          <a:lstStyle/>
          <a:p>
            <a:r>
              <a:rPr lang="en-US" dirty="0"/>
              <a:t>This is a sample for your reference. If you want to adopt the same design, you may install the free version of </a:t>
            </a:r>
            <a:r>
              <a:rPr lang="en-US" dirty="0" err="1">
                <a:hlinkClick r:id="rId74"/>
              </a:rPr>
              <a:t>Officetimeline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3" name="OTLSHAPE_SL_1d8a8851fe4c4cedb912d882b031d169_BackgroundRectangle">
            <a:extLst>
              <a:ext uri="{FF2B5EF4-FFF2-40B4-BE49-F238E27FC236}">
                <a16:creationId xmlns:a16="http://schemas.microsoft.com/office/drawing/2014/main" id="{039D5CDB-8A10-A209-7EA3-E39F4121B1DE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77333" y="3021008"/>
            <a:ext cx="11290300" cy="1556343"/>
          </a:xfrm>
          <a:prstGeom prst="rect">
            <a:avLst/>
          </a:prstGeom>
          <a:solidFill>
            <a:schemeClr val="accent2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4" name="OTLSHAPE_SL_127236de431347059e7147e84c71f74e_BackgroundRectangle">
            <a:extLst>
              <a:ext uri="{FF2B5EF4-FFF2-40B4-BE49-F238E27FC236}">
                <a16:creationId xmlns:a16="http://schemas.microsoft.com/office/drawing/2014/main" id="{23870C90-6F78-0750-5456-7CAB60B7DCF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277333" y="4640851"/>
            <a:ext cx="11290300" cy="948775"/>
          </a:xfrm>
          <a:prstGeom prst="rect">
            <a:avLst/>
          </a:prstGeom>
          <a:solidFill>
            <a:srgbClr val="156082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RightEndCaps">
            <a:extLst>
              <a:ext uri="{FF2B5EF4-FFF2-40B4-BE49-F238E27FC236}">
                <a16:creationId xmlns:a16="http://schemas.microsoft.com/office/drawing/2014/main" id="{4073F702-FD8B-5BB9-EE55-89B0B08C9E9A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741715" y="2583085"/>
            <a:ext cx="342914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ysClr val="windowText" lastClr="000000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C22AE5B5-0D13-740F-2D7E-7F3ECB83631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306033" y="2563808"/>
            <a:ext cx="10261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905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SL_1d8a8851fe4c4cedb912d882b031d169_HeaderRectangle">
            <a:extLst>
              <a:ext uri="{FF2B5EF4-FFF2-40B4-BE49-F238E27FC236}">
                <a16:creationId xmlns:a16="http://schemas.microsoft.com/office/drawing/2014/main" id="{94247A11-82F3-EF19-8C2D-22B2AE74F54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77333" y="3021008"/>
            <a:ext cx="901700" cy="1556343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SL_127236de431347059e7147e84c71f74e_HeaderRectangle">
            <a:extLst>
              <a:ext uri="{FF2B5EF4-FFF2-40B4-BE49-F238E27FC236}">
                <a16:creationId xmlns:a16="http://schemas.microsoft.com/office/drawing/2014/main" id="{DAACC1A9-9786-C8DC-B8F6-4C010A48FA3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77333" y="4640851"/>
            <a:ext cx="901700" cy="948775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" name="OTLSHAPE_G_00000000000000000000000000000000_ShapeBelow0">
            <a:extLst>
              <a:ext uri="{FF2B5EF4-FFF2-40B4-BE49-F238E27FC236}">
                <a16:creationId xmlns:a16="http://schemas.microsoft.com/office/drawing/2014/main" id="{2217A616-DFA5-61D4-9E07-C103DCAFE73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052820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G_00000000000000000000000000000000_ShapeBelow1">
            <a:extLst>
              <a:ext uri="{FF2B5EF4-FFF2-40B4-BE49-F238E27FC236}">
                <a16:creationId xmlns:a16="http://schemas.microsoft.com/office/drawing/2014/main" id="{8656BC02-5A70-B0BC-46F9-9043F57F7577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4799608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OTLSHAPE_G_00000000000000000000000000000000_ShapeBelow2">
            <a:extLst>
              <a:ext uri="{FF2B5EF4-FFF2-40B4-BE49-F238E27FC236}">
                <a16:creationId xmlns:a16="http://schemas.microsoft.com/office/drawing/2014/main" id="{E7B1373F-FF6B-4D76-56A0-033BFFC7CF0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377352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3">
            <a:extLst>
              <a:ext uri="{FF2B5EF4-FFF2-40B4-BE49-F238E27FC236}">
                <a16:creationId xmlns:a16="http://schemas.microsoft.com/office/drawing/2014/main" id="{5025098A-B343-1657-F73A-A11C1B8DAEC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124140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4">
            <a:extLst>
              <a:ext uri="{FF2B5EF4-FFF2-40B4-BE49-F238E27FC236}">
                <a16:creationId xmlns:a16="http://schemas.microsoft.com/office/drawing/2014/main" id="{EA9AA942-F2DF-1184-54DC-C7730A2C2D0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814580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" name="OTLSHAPE_SLT_7837d06b72d74a548a398fad8771abbe_Shape">
            <a:extLst>
              <a:ext uri="{FF2B5EF4-FFF2-40B4-BE49-F238E27FC236}">
                <a16:creationId xmlns:a16="http://schemas.microsoft.com/office/drawing/2014/main" id="{405D57D7-226D-8700-743A-C7E2877217D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996434" y="3066855"/>
            <a:ext cx="1143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T_3996f0f42fe749778d5a167da5e27b4c_Shape">
            <a:extLst>
              <a:ext uri="{FF2B5EF4-FFF2-40B4-BE49-F238E27FC236}">
                <a16:creationId xmlns:a16="http://schemas.microsoft.com/office/drawing/2014/main" id="{1F5183F9-5592-D705-EC71-6045A8599D0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672649" y="3300874"/>
            <a:ext cx="2311400" cy="155025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T_e4cefc14526f4af7a7bbbbaeb737bed0_Shape">
            <a:extLst>
              <a:ext uri="{FF2B5EF4-FFF2-40B4-BE49-F238E27FC236}">
                <a16:creationId xmlns:a16="http://schemas.microsoft.com/office/drawing/2014/main" id="{831BCA1E-CED0-2A54-C627-1010568B379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672649" y="3534892"/>
            <a:ext cx="1079500" cy="155025"/>
          </a:xfrm>
          <a:prstGeom prst="roundRect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T_76c5f62a1a1349118e2e5963286832ac_Shape">
            <a:extLst>
              <a:ext uri="{FF2B5EF4-FFF2-40B4-BE49-F238E27FC236}">
                <a16:creationId xmlns:a16="http://schemas.microsoft.com/office/drawing/2014/main" id="{4BFA394B-9530-5FE8-407B-0B929131CD6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672649" y="3768911"/>
            <a:ext cx="1079500" cy="155025"/>
          </a:xfrm>
          <a:prstGeom prst="roundRect">
            <a:avLst/>
          </a:prstGeom>
          <a:solidFill>
            <a:schemeClr val="accent4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T_e54c4d17ccf64fff8091ceb94b9903e3_Shape">
            <a:extLst>
              <a:ext uri="{FF2B5EF4-FFF2-40B4-BE49-F238E27FC236}">
                <a16:creationId xmlns:a16="http://schemas.microsoft.com/office/drawing/2014/main" id="{A2C190A6-FF76-20CC-E5D8-4E6A40ABCEC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855957" y="4072695"/>
            <a:ext cx="1079500" cy="155025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SLT_a63304a9a6974c98bdaea49a8a7aa1c2_Shape">
            <a:extLst>
              <a:ext uri="{FF2B5EF4-FFF2-40B4-BE49-F238E27FC236}">
                <a16:creationId xmlns:a16="http://schemas.microsoft.com/office/drawing/2014/main" id="{8A8D9A43-EE0D-4771-1679-DE420B6064B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855957" y="4376479"/>
            <a:ext cx="1079500" cy="155025"/>
          </a:xfrm>
          <a:prstGeom prst="roundRect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T_00d418c7c4214822b19eb2b845edbf7b_Shape">
            <a:extLst>
              <a:ext uri="{FF2B5EF4-FFF2-40B4-BE49-F238E27FC236}">
                <a16:creationId xmlns:a16="http://schemas.microsoft.com/office/drawing/2014/main" id="{D442E12A-493A-F530-7FE9-EC4B8BCE100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617008" y="4920716"/>
            <a:ext cx="1079500" cy="155025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2" name="OTLSHAPE_SLT_85792e9c8a9f47f3a8499e9f302fc641_Shape">
            <a:extLst>
              <a:ext uri="{FF2B5EF4-FFF2-40B4-BE49-F238E27FC236}">
                <a16:creationId xmlns:a16="http://schemas.microsoft.com/office/drawing/2014/main" id="{76D55581-14B8-492A-3613-390799A89B7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800317" y="5154735"/>
            <a:ext cx="1079500" cy="155025"/>
          </a:xfrm>
          <a:prstGeom prst="roundRect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3" name="OTLSHAPE_SLT_6da813c3211041fa80c1da6754fcbf3f_Shape">
            <a:extLst>
              <a:ext uri="{FF2B5EF4-FFF2-40B4-BE49-F238E27FC236}">
                <a16:creationId xmlns:a16="http://schemas.microsoft.com/office/drawing/2014/main" id="{98FF1AE6-F9C7-E278-CC3F-295FCFC678B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433701" y="4686698"/>
            <a:ext cx="10795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SLT_f774f87351344c35a4d5f60e57ceeebc_Shape">
            <a:extLst>
              <a:ext uri="{FF2B5EF4-FFF2-40B4-BE49-F238E27FC236}">
                <a16:creationId xmlns:a16="http://schemas.microsoft.com/office/drawing/2014/main" id="{FFC44EFC-473F-7C1C-842D-2E287BB1F84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672649" y="5388754"/>
            <a:ext cx="6375400" cy="155025"/>
          </a:xfrm>
          <a:prstGeom prst="roundRect">
            <a:avLst/>
          </a:prstGeom>
          <a:solidFill>
            <a:schemeClr val="accent6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T_7837d06b72d74a548a398fad8771abbe_ShapePercentage">
            <a:extLst>
              <a:ext uri="{FF2B5EF4-FFF2-40B4-BE49-F238E27FC236}">
                <a16:creationId xmlns:a16="http://schemas.microsoft.com/office/drawing/2014/main" id="{AC0AF2EB-EBF8-4BB2-8F96-453B591B5DD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996434" y="3066855"/>
            <a:ext cx="88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T_3996f0f42fe749778d5a167da5e27b4c_ShapePercentage">
            <a:extLst>
              <a:ext uri="{FF2B5EF4-FFF2-40B4-BE49-F238E27FC236}">
                <a16:creationId xmlns:a16="http://schemas.microsoft.com/office/drawing/2014/main" id="{FC2299AC-542F-DF17-6F3D-1A7102D04B6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672649" y="3300874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e4cefc14526f4af7a7bbbbaeb737bed0_ShapePercentage">
            <a:extLst>
              <a:ext uri="{FF2B5EF4-FFF2-40B4-BE49-F238E27FC236}">
                <a16:creationId xmlns:a16="http://schemas.microsoft.com/office/drawing/2014/main" id="{EAEFCCF9-7FE2-3CDD-7A29-1DE6DDC3DCD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672649" y="3534892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SLT_76c5f62a1a1349118e2e5963286832ac_ShapePercentage">
            <a:extLst>
              <a:ext uri="{FF2B5EF4-FFF2-40B4-BE49-F238E27FC236}">
                <a16:creationId xmlns:a16="http://schemas.microsoft.com/office/drawing/2014/main" id="{9B831DD2-A53F-6761-CD66-66BDF9263ED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672649" y="3768911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SLT_e54c4d17ccf64fff8091ceb94b9903e3_ShapePercentage">
            <a:extLst>
              <a:ext uri="{FF2B5EF4-FFF2-40B4-BE49-F238E27FC236}">
                <a16:creationId xmlns:a16="http://schemas.microsoft.com/office/drawing/2014/main" id="{32CBCED0-A6F3-12D7-08B5-D1DFBB8320F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855957" y="407269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SLT_a63304a9a6974c98bdaea49a8a7aa1c2_ShapePercentage">
            <a:extLst>
              <a:ext uri="{FF2B5EF4-FFF2-40B4-BE49-F238E27FC236}">
                <a16:creationId xmlns:a16="http://schemas.microsoft.com/office/drawing/2014/main" id="{974D2C72-5019-3B05-F852-446B1535388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855957" y="4376479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T_00d418c7c4214822b19eb2b845edbf7b_ShapePercentage">
            <a:extLst>
              <a:ext uri="{FF2B5EF4-FFF2-40B4-BE49-F238E27FC236}">
                <a16:creationId xmlns:a16="http://schemas.microsoft.com/office/drawing/2014/main" id="{6876D67E-2953-A62C-A023-F8D68DCEDEA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617008" y="492071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SLT_85792e9c8a9f47f3a8499e9f302fc641_ShapePercentage">
            <a:extLst>
              <a:ext uri="{FF2B5EF4-FFF2-40B4-BE49-F238E27FC236}">
                <a16:creationId xmlns:a16="http://schemas.microsoft.com/office/drawing/2014/main" id="{1035EE5A-ED8F-CECD-949C-A7DAFC3F01A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800317" y="515473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T_6da813c3211041fa80c1da6754fcbf3f_ShapePercentage">
            <a:extLst>
              <a:ext uri="{FF2B5EF4-FFF2-40B4-BE49-F238E27FC236}">
                <a16:creationId xmlns:a16="http://schemas.microsoft.com/office/drawing/2014/main" id="{80B8EF52-7153-3DE2-2627-95ED720B2D1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433701" y="4686698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f774f87351344c35a4d5f60e57ceeebc_ShapePercentage">
            <a:extLst>
              <a:ext uri="{FF2B5EF4-FFF2-40B4-BE49-F238E27FC236}">
                <a16:creationId xmlns:a16="http://schemas.microsoft.com/office/drawing/2014/main" id="{050501FE-08C5-8CF2-11BB-618AC5B729E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672649" y="5388754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_1d8a8851fe4c4cedb912d882b031d169_Header">
            <a:extLst>
              <a:ext uri="{FF2B5EF4-FFF2-40B4-BE49-F238E27FC236}">
                <a16:creationId xmlns:a16="http://schemas.microsoft.com/office/drawing/2014/main" id="{EA286862-6BA2-9716-B655-B6919889964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77333" y="3706152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36" name="OTLSHAPE_SL_127236de431347059e7147e84c71f74e_Header">
            <a:extLst>
              <a:ext uri="{FF2B5EF4-FFF2-40B4-BE49-F238E27FC236}">
                <a16:creationId xmlns:a16="http://schemas.microsoft.com/office/drawing/2014/main" id="{2BD032C5-EDF6-693C-1952-D2D73B5D438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77333" y="5022210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37" name="OTLSHAPE_TB_00000000000000000000000000000000_TimescaleInterval1">
            <a:extLst>
              <a:ext uri="{FF2B5EF4-FFF2-40B4-BE49-F238E27FC236}">
                <a16:creationId xmlns:a16="http://schemas.microsoft.com/office/drawing/2014/main" id="{26B21C70-9CA3-5146-01B0-2C40BBCBF4B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369533" y="2597781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8" name="OTLSHAPE_TB_00000000000000000000000000000000_TimescaleInterval2">
            <a:extLst>
              <a:ext uri="{FF2B5EF4-FFF2-40B4-BE49-F238E27FC236}">
                <a16:creationId xmlns:a16="http://schemas.microsoft.com/office/drawing/2014/main" id="{B696527C-9E51-F032-C9EF-A0D94083FE0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116321" y="2597781"/>
            <a:ext cx="2028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B_00000000000000000000000000000000_TimescaleInterval3">
            <a:extLst>
              <a:ext uri="{FF2B5EF4-FFF2-40B4-BE49-F238E27FC236}">
                <a16:creationId xmlns:a16="http://schemas.microsoft.com/office/drawing/2014/main" id="{F85EBB3C-6397-AFD5-B796-A3F463AA54F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863109" y="2597781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GB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7837d06b72d74a548a398fad8771abbe_JoinedDate">
            <a:extLst>
              <a:ext uri="{FF2B5EF4-FFF2-40B4-BE49-F238E27FC236}">
                <a16:creationId xmlns:a16="http://schemas.microsoft.com/office/drawing/2014/main" id="{48048C37-ED49-555F-6555-66E9FAF3A90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235661" y="306685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Dec 30 - Jan 1</a:t>
            </a:r>
          </a:p>
        </p:txBody>
      </p:sp>
      <p:sp>
        <p:nvSpPr>
          <p:cNvPr id="41" name="OTLSHAPE_SLT_7837d06b72d74a548a398fad8771abbe_Title">
            <a:extLst>
              <a:ext uri="{FF2B5EF4-FFF2-40B4-BE49-F238E27FC236}">
                <a16:creationId xmlns:a16="http://schemas.microsoft.com/office/drawing/2014/main" id="{2F239123-264F-71AF-7B60-7DC3C708C4A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159930" y="3059108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corporating feedback from Milestone 2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7837d06b72d74a548a398fad8771abbe_TextPercentage">
            <a:extLst>
              <a:ext uri="{FF2B5EF4-FFF2-40B4-BE49-F238E27FC236}">
                <a16:creationId xmlns:a16="http://schemas.microsoft.com/office/drawing/2014/main" id="{95BF71E2-C11C-5873-ABA9-E2FEAA4FA9A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009134" y="3066855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6">
                <a:solidFill>
                  <a:srgbClr val="EEECE1"/>
                </a:solidFill>
                <a:latin typeface="Calibri" panose="020F0502020204030204" pitchFamily="34" charset="0"/>
              </a:rPr>
              <a:t>0</a:t>
            </a:r>
          </a:p>
        </p:txBody>
      </p:sp>
      <p:sp>
        <p:nvSpPr>
          <p:cNvPr id="43" name="OTLSHAPE_SLT_3996f0f42fe749778d5a167da5e27b4c_JoinedDate">
            <a:extLst>
              <a:ext uri="{FF2B5EF4-FFF2-40B4-BE49-F238E27FC236}">
                <a16:creationId xmlns:a16="http://schemas.microsoft.com/office/drawing/2014/main" id="{DE9FD950-0AE4-2161-DAEB-56CDCF5BCEF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856166" y="3300874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Jan 12 - Feb 21</a:t>
            </a:r>
          </a:p>
        </p:txBody>
      </p:sp>
      <p:sp>
        <p:nvSpPr>
          <p:cNvPr id="44" name="OTLSHAPE_SLT_3996f0f42fe749778d5a167da5e27b4c_Title">
            <a:extLst>
              <a:ext uri="{FF2B5EF4-FFF2-40B4-BE49-F238E27FC236}">
                <a16:creationId xmlns:a16="http://schemas.microsoft.com/office/drawing/2014/main" id="{B5E311EE-F06C-E853-FB5D-38FDEA9A8D9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033677" y="3293127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uilding the hardware prototype</a:t>
            </a:r>
          </a:p>
        </p:txBody>
      </p:sp>
      <p:sp>
        <p:nvSpPr>
          <p:cNvPr id="45" name="OTLSHAPE_SLT_3996f0f42fe749778d5a167da5e27b4c_TextPercentage">
            <a:extLst>
              <a:ext uri="{FF2B5EF4-FFF2-40B4-BE49-F238E27FC236}">
                <a16:creationId xmlns:a16="http://schemas.microsoft.com/office/drawing/2014/main" id="{5F03F63E-3F64-8241-805E-0506D668FBB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685349" y="330087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" name="OTLSHAPE_SLT_e4cefc14526f4af7a7bbbbaeb737bed0_JoinedDate">
            <a:extLst>
              <a:ext uri="{FF2B5EF4-FFF2-40B4-BE49-F238E27FC236}">
                <a16:creationId xmlns:a16="http://schemas.microsoft.com/office/drawing/2014/main" id="{35A8EB76-7540-B9B8-0303-ADF32BD9B1E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874496" y="353489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Jan 12 - Jan 30</a:t>
            </a:r>
          </a:p>
        </p:txBody>
      </p:sp>
      <p:sp>
        <p:nvSpPr>
          <p:cNvPr id="47" name="OTLSHAPE_SLT_e4cefc14526f4af7a7bbbbaeb737bed0_Title">
            <a:extLst>
              <a:ext uri="{FF2B5EF4-FFF2-40B4-BE49-F238E27FC236}">
                <a16:creationId xmlns:a16="http://schemas.microsoft.com/office/drawing/2014/main" id="{5F91676C-6797-B6EC-CFD9-EDD3791AB75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794022" y="352714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reating the mobile apps GUI</a:t>
            </a:r>
            <a:endParaRPr lang="en-GB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e4cefc14526f4af7a7bbbbaeb737bed0_TextPercentage">
            <a:extLst>
              <a:ext uri="{FF2B5EF4-FFF2-40B4-BE49-F238E27FC236}">
                <a16:creationId xmlns:a16="http://schemas.microsoft.com/office/drawing/2014/main" id="{58F5CE97-8CD5-B59B-0EC6-27C03C31F03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85349" y="353489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  <a:endParaRPr lang="en-GB" sz="1000" spc="-10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76c5f62a1a1349118e2e5963286832ac_JoinedDate">
            <a:extLst>
              <a:ext uri="{FF2B5EF4-FFF2-40B4-BE49-F238E27FC236}">
                <a16:creationId xmlns:a16="http://schemas.microsoft.com/office/drawing/2014/main" id="{AFAA70FC-A404-0334-DC3F-CD88CFA1B01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874496" y="376891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Jan 12 - Jan 30</a:t>
            </a:r>
          </a:p>
        </p:txBody>
      </p:sp>
      <p:sp>
        <p:nvSpPr>
          <p:cNvPr id="50" name="OTLSHAPE_SLT_76c5f62a1a1349118e2e5963286832ac_Title">
            <a:extLst>
              <a:ext uri="{FF2B5EF4-FFF2-40B4-BE49-F238E27FC236}">
                <a16:creationId xmlns:a16="http://schemas.microsoft.com/office/drawing/2014/main" id="{BC6D96AD-17EC-FF80-2879-43B054F3BEF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794022" y="3761164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ng the website's GUI</a:t>
            </a:r>
          </a:p>
        </p:txBody>
      </p:sp>
      <p:sp>
        <p:nvSpPr>
          <p:cNvPr id="51" name="OTLSHAPE_SLT_76c5f62a1a1349118e2e5963286832ac_TextPercentage">
            <a:extLst>
              <a:ext uri="{FF2B5EF4-FFF2-40B4-BE49-F238E27FC236}">
                <a16:creationId xmlns:a16="http://schemas.microsoft.com/office/drawing/2014/main" id="{552B98B0-B71C-DC9E-D3DA-883051752D3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685349" y="376891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2" name="OTLSHAPE_SLT_e54c4d17ccf64fff8091ceb94b9903e3_JoinedDate">
            <a:extLst>
              <a:ext uri="{FF2B5EF4-FFF2-40B4-BE49-F238E27FC236}">
                <a16:creationId xmlns:a16="http://schemas.microsoft.com/office/drawing/2014/main" id="{9D121643-718C-BBF5-8457-B62DA616357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214311" y="3995183"/>
            <a:ext cx="596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Feb 2 - Feb 20</a:t>
            </a:r>
            <a:endParaRPr lang="en-GB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e54c4d17ccf64fff8091ceb94b9903e3_Title">
            <a:extLst>
              <a:ext uri="{FF2B5EF4-FFF2-40B4-BE49-F238E27FC236}">
                <a16:creationId xmlns:a16="http://schemas.microsoft.com/office/drawing/2014/main" id="{2637CF41-6626-C7B3-7328-186E3FFE235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977330" y="4064948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riting the backend code for the mobile app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e54c4d17ccf64fff8091ceb94b9903e3_TextPercentage">
            <a:extLst>
              <a:ext uri="{FF2B5EF4-FFF2-40B4-BE49-F238E27FC236}">
                <a16:creationId xmlns:a16="http://schemas.microsoft.com/office/drawing/2014/main" id="{DDBEDA99-D313-4A3A-76FA-6FF270007EA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868657" y="407269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5" name="OTLSHAPE_SLT_a63304a9a6974c98bdaea49a8a7aa1c2_JoinedDate">
            <a:extLst>
              <a:ext uri="{FF2B5EF4-FFF2-40B4-BE49-F238E27FC236}">
                <a16:creationId xmlns:a16="http://schemas.microsoft.com/office/drawing/2014/main" id="{CC270749-B790-897B-CE6C-11557E17D58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085532" y="4376479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4546A"/>
                </a:solidFill>
                <a:latin typeface="Calibri" panose="020F0502020204030204" pitchFamily="34" charset="0"/>
              </a:rPr>
              <a:t>Feb 2 - Feb 20</a:t>
            </a:r>
          </a:p>
        </p:txBody>
      </p:sp>
      <p:sp>
        <p:nvSpPr>
          <p:cNvPr id="56" name="OTLSHAPE_SLT_a63304a9a6974c98bdaea49a8a7aa1c2_Title">
            <a:extLst>
              <a:ext uri="{FF2B5EF4-FFF2-40B4-BE49-F238E27FC236}">
                <a16:creationId xmlns:a16="http://schemas.microsoft.com/office/drawing/2014/main" id="{DB7D7186-F555-96AB-4A2C-B90CF156872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977330" y="4368732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Writing the backend for the website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a63304a9a6974c98bdaea49a8a7aa1c2_TextPercentage">
            <a:extLst>
              <a:ext uri="{FF2B5EF4-FFF2-40B4-BE49-F238E27FC236}">
                <a16:creationId xmlns:a16="http://schemas.microsoft.com/office/drawing/2014/main" id="{C7D52B5E-9F4E-CB7E-2550-379628B6576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868657" y="437647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8" name="OTLSHAPE_SLT_00d418c7c4214822b19eb2b845edbf7b_JoinedDate">
            <a:extLst>
              <a:ext uri="{FF2B5EF4-FFF2-40B4-BE49-F238E27FC236}">
                <a16:creationId xmlns:a16="http://schemas.microsoft.com/office/drawing/2014/main" id="{1E41898E-1E7F-CA5D-816D-990748639B5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756795" y="492071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rgbClr val="44546A"/>
                </a:solidFill>
                <a:latin typeface="Calibri" panose="020F0502020204030204" pitchFamily="34" charset="0"/>
              </a:rPr>
              <a:t>Mar 23 - Apr 10</a:t>
            </a:r>
            <a:endParaRPr lang="en-GB" sz="1000" spc="-2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00d418c7c4214822b19eb2b845edbf7b_Title">
            <a:extLst>
              <a:ext uri="{FF2B5EF4-FFF2-40B4-BE49-F238E27FC236}">
                <a16:creationId xmlns:a16="http://schemas.microsoft.com/office/drawing/2014/main" id="{0B739E62-7072-1085-B924-68503BC8CFA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738382" y="491296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tegrating the system</a:t>
            </a:r>
            <a:endParaRPr lang="en-GB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00d418c7c4214822b19eb2b845edbf7b_TextPercentage">
            <a:extLst>
              <a:ext uri="{FF2B5EF4-FFF2-40B4-BE49-F238E27FC236}">
                <a16:creationId xmlns:a16="http://schemas.microsoft.com/office/drawing/2014/main" id="{A340940C-3D80-1B4C-1C26-AFCD1778712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629708" y="492071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1" name="OTLSHAPE_SLT_85792e9c8a9f47f3a8499e9f302fc641_JoinedDate">
            <a:extLst>
              <a:ext uri="{FF2B5EF4-FFF2-40B4-BE49-F238E27FC236}">
                <a16:creationId xmlns:a16="http://schemas.microsoft.com/office/drawing/2014/main" id="{88159680-B0B6-7D93-490B-F8763BEBD68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993655" y="5154735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Apr 13 - May 1</a:t>
            </a:r>
          </a:p>
        </p:txBody>
      </p:sp>
      <p:sp>
        <p:nvSpPr>
          <p:cNvPr id="62" name="OTLSHAPE_SLT_85792e9c8a9f47f3a8499e9f302fc641_Title">
            <a:extLst>
              <a:ext uri="{FF2B5EF4-FFF2-40B4-BE49-F238E27FC236}">
                <a16:creationId xmlns:a16="http://schemas.microsoft.com/office/drawing/2014/main" id="{473EF1B8-D59F-E1E0-BC0C-FDF58F4E2CE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921689" y="5146988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esting the system</a:t>
            </a:r>
          </a:p>
        </p:txBody>
      </p:sp>
      <p:sp>
        <p:nvSpPr>
          <p:cNvPr id="63" name="OTLSHAPE_SLT_85792e9c8a9f47f3a8499e9f302fc641_TextPercentage">
            <a:extLst>
              <a:ext uri="{FF2B5EF4-FFF2-40B4-BE49-F238E27FC236}">
                <a16:creationId xmlns:a16="http://schemas.microsoft.com/office/drawing/2014/main" id="{F435D7A3-7393-C5ED-8C3A-7ED1A97A306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813017" y="515473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4" name="OTLSHAPE_TB_00000000000000000000000000000000_ScaleMarking1">
            <a:extLst>
              <a:ext uri="{FF2B5EF4-FFF2-40B4-BE49-F238E27FC236}">
                <a16:creationId xmlns:a16="http://schemas.microsoft.com/office/drawing/2014/main" id="{AAFDE451-A893-E8C2-59AD-127B1DC3EFE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69533" y="237775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44546A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65" name="OTLSHAPE_TB_00000000000000000000000000000000_TimescaleInterval4">
            <a:extLst>
              <a:ext uri="{FF2B5EF4-FFF2-40B4-BE49-F238E27FC236}">
                <a16:creationId xmlns:a16="http://schemas.microsoft.com/office/drawing/2014/main" id="{4004ACF9-D09E-81D6-A25B-D56D3FBC224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440853" y="2597781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66" name="OTLSHAPE_TB_00000000000000000000000000000000_TimescaleInterval5">
            <a:extLst>
              <a:ext uri="{FF2B5EF4-FFF2-40B4-BE49-F238E27FC236}">
                <a16:creationId xmlns:a16="http://schemas.microsoft.com/office/drawing/2014/main" id="{5C5A5809-2915-C526-846D-6363FC926CC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187641" y="2597781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67" name="OTLSHAPE_TB_00000000000000000000000000000000_TimescaleInterval6">
            <a:extLst>
              <a:ext uri="{FF2B5EF4-FFF2-40B4-BE49-F238E27FC236}">
                <a16:creationId xmlns:a16="http://schemas.microsoft.com/office/drawing/2014/main" id="{32A0D780-D817-D9D8-08A4-E6FB1DF452D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878080" y="2597781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68" name="OTLSHAPE_TB_00000000000000000000000000000000_ScaleMarking2">
            <a:extLst>
              <a:ext uri="{FF2B5EF4-FFF2-40B4-BE49-F238E27FC236}">
                <a16:creationId xmlns:a16="http://schemas.microsoft.com/office/drawing/2014/main" id="{E1DB598B-5838-985E-DD8B-1A682C44984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116321" y="23777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44546A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69" name="OTLSHAPE_SLT_6da813c3211041fa80c1da6754fcbf3f_JoinedDate">
            <a:extLst>
              <a:ext uri="{FF2B5EF4-FFF2-40B4-BE49-F238E27FC236}">
                <a16:creationId xmlns:a16="http://schemas.microsoft.com/office/drawing/2014/main" id="{9BD15E60-CFD1-652C-C04A-3BD70B82DE9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608666" y="468669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rgbClr val="44546A"/>
                </a:solidFill>
                <a:latin typeface="Calibri" panose="020F0502020204030204" pitchFamily="34" charset="0"/>
              </a:rPr>
              <a:t>Mar 2 - Mar 20</a:t>
            </a:r>
          </a:p>
        </p:txBody>
      </p:sp>
      <p:sp>
        <p:nvSpPr>
          <p:cNvPr id="70" name="OTLSHAPE_SLT_6da813c3211041fa80c1da6754fcbf3f_Title">
            <a:extLst>
              <a:ext uri="{FF2B5EF4-FFF2-40B4-BE49-F238E27FC236}">
                <a16:creationId xmlns:a16="http://schemas.microsoft.com/office/drawing/2014/main" id="{A75F11F2-E639-514A-C1A8-B593F887A0A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555073" y="467895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xing bugs</a:t>
            </a:r>
          </a:p>
        </p:txBody>
      </p:sp>
      <p:sp>
        <p:nvSpPr>
          <p:cNvPr id="71" name="OTLSHAPE_SLT_6da813c3211041fa80c1da6754fcbf3f_TextPercentage">
            <a:extLst>
              <a:ext uri="{FF2B5EF4-FFF2-40B4-BE49-F238E27FC236}">
                <a16:creationId xmlns:a16="http://schemas.microsoft.com/office/drawing/2014/main" id="{F3AB88EE-F7D2-279E-9DA9-D560B46AB66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446401" y="468669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72" name="OTLSHAPE_SLT_f774f87351344c35a4d5f60e57ceeebc_JoinedDate">
            <a:extLst>
              <a:ext uri="{FF2B5EF4-FFF2-40B4-BE49-F238E27FC236}">
                <a16:creationId xmlns:a16="http://schemas.microsoft.com/office/drawing/2014/main" id="{7C90664E-9521-4B97-ED08-7308F897E57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882413" y="538875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Jan 12 - May 4</a:t>
            </a:r>
          </a:p>
        </p:txBody>
      </p:sp>
      <p:sp>
        <p:nvSpPr>
          <p:cNvPr id="73" name="OTLSHAPE_SLT_f774f87351344c35a4d5f60e57ceeebc_Title">
            <a:extLst>
              <a:ext uri="{FF2B5EF4-FFF2-40B4-BE49-F238E27FC236}">
                <a16:creationId xmlns:a16="http://schemas.microsoft.com/office/drawing/2014/main" id="{EC0C6053-C754-4DF1-00FD-D1EF9DB1FEA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090733" y="538100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ation</a:t>
            </a:r>
          </a:p>
        </p:txBody>
      </p:sp>
      <p:sp>
        <p:nvSpPr>
          <p:cNvPr id="74" name="OTLSHAPE_SLT_f774f87351344c35a4d5f60e57ceeebc_TextPercentage">
            <a:extLst>
              <a:ext uri="{FF2B5EF4-FFF2-40B4-BE49-F238E27FC236}">
                <a16:creationId xmlns:a16="http://schemas.microsoft.com/office/drawing/2014/main" id="{ACCAAA18-07D1-0FD0-7C1F-9B7934A95AA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685349" y="538875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</p:spTree>
    <p:extLst>
      <p:ext uri="{BB962C8B-B14F-4D97-AF65-F5344CB8AC3E}">
        <p14:creationId xmlns:p14="http://schemas.microsoft.com/office/powerpoint/2010/main" val="113225153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Line">
            <a:extLst>
              <a:ext uri="{FF2B5EF4-FFF2-40B4-BE49-F238E27FC236}">
                <a16:creationId xmlns:a16="http://schemas.microsoft.com/office/drawing/2014/main" id="{009814FF-CDE8-7FF3-25D9-29F45EF8F277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 rot="5400000">
            <a:off x="2870439" y="3447994"/>
            <a:ext cx="4256927" cy="223924"/>
          </a:xfrm>
          <a:prstGeom prst="rect">
            <a:avLst/>
          </a:prstGeom>
        </p:spPr>
      </p:pic>
      <p:sp>
        <p:nvSpPr>
          <p:cNvPr id="8" name="Title 7">
            <a:extLst>
              <a:ext uri="{FF2B5EF4-FFF2-40B4-BE49-F238E27FC236}">
                <a16:creationId xmlns:a16="http://schemas.microsoft.com/office/drawing/2014/main" id="{2B1B18CF-10E1-EF51-3B7D-A2EC2C63E6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4691"/>
            <a:ext cx="10515600" cy="716973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genda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itle copy">
            <a:extLst>
              <a:ext uri="{FF2B5EF4-FFF2-40B4-BE49-F238E27FC236}">
                <a16:creationId xmlns:a16="http://schemas.microsoft.com/office/drawing/2014/main" id="{0E2E960C-CF1F-4838-0350-4C3554BFCCB0}"/>
              </a:ext>
            </a:extLst>
          </p:cNvPr>
          <p:cNvSpPr/>
          <p:nvPr/>
        </p:nvSpPr>
        <p:spPr>
          <a:xfrm>
            <a:off x="1104687" y="1384498"/>
            <a:ext cx="3782255" cy="755651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sz="4217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ilestone 3</a:t>
            </a:r>
          </a:p>
        </p:txBody>
      </p:sp>
      <p:pic>
        <p:nvPicPr>
          <p:cNvPr id="15" name="Line-24">
            <a:extLst>
              <a:ext uri="{FF2B5EF4-FFF2-40B4-BE49-F238E27FC236}">
                <a16:creationId xmlns:a16="http://schemas.microsoft.com/office/drawing/2014/main" id="{2559CF55-CE50-E637-584D-CC649D44E9BE}"/>
              </a:ext>
            </a:extLst>
          </p:cNvPr>
          <p:cNvPicPr/>
          <p:nvPr/>
        </p:nvPicPr>
        <p:blipFill rotWithShape="1">
          <a:blip r:embed="rId4"/>
          <a:stretch>
            <a:fillRect/>
          </a:stretch>
        </p:blipFill>
        <p:spPr>
          <a:xfrm rot="5400000">
            <a:off x="436265" y="1664902"/>
            <a:ext cx="755651" cy="138050"/>
          </a:xfrm>
          <a:prstGeom prst="rect">
            <a:avLst/>
          </a:prstGeom>
          <a:solidFill>
            <a:srgbClr val="C29943"/>
          </a:solidFill>
          <a:ln>
            <a:noFill/>
          </a:ln>
        </p:spPr>
      </p:pic>
      <p:sp>
        <p:nvSpPr>
          <p:cNvPr id="16" name="Diamond Container">
            <a:extLst>
              <a:ext uri="{FF2B5EF4-FFF2-40B4-BE49-F238E27FC236}">
                <a16:creationId xmlns:a16="http://schemas.microsoft.com/office/drawing/2014/main" id="{F3409237-BDC6-1C1A-1FCB-0EEDEB4C1A68}"/>
              </a:ext>
            </a:extLst>
          </p:cNvPr>
          <p:cNvSpPr/>
          <p:nvPr/>
        </p:nvSpPr>
        <p:spPr>
          <a:xfrm>
            <a:off x="4604681" y="1284814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1</a:t>
            </a:r>
          </a:p>
        </p:txBody>
      </p:sp>
      <p:sp>
        <p:nvSpPr>
          <p:cNvPr id="25" name="Diamond Container">
            <a:extLst>
              <a:ext uri="{FF2B5EF4-FFF2-40B4-BE49-F238E27FC236}">
                <a16:creationId xmlns:a16="http://schemas.microsoft.com/office/drawing/2014/main" id="{A6FCB858-B8CB-20BD-F9D5-18846ED763E9}"/>
              </a:ext>
            </a:extLst>
          </p:cNvPr>
          <p:cNvSpPr/>
          <p:nvPr/>
        </p:nvSpPr>
        <p:spPr>
          <a:xfrm>
            <a:off x="4604680" y="2602646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2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6" name="Diamond Container">
            <a:extLst>
              <a:ext uri="{FF2B5EF4-FFF2-40B4-BE49-F238E27FC236}">
                <a16:creationId xmlns:a16="http://schemas.microsoft.com/office/drawing/2014/main" id="{717E4D21-FFBB-7482-C010-FFED40129F11}"/>
              </a:ext>
            </a:extLst>
          </p:cNvPr>
          <p:cNvSpPr/>
          <p:nvPr/>
        </p:nvSpPr>
        <p:spPr>
          <a:xfrm>
            <a:off x="4604680" y="5232580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4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8" name="Diamond Container">
            <a:extLst>
              <a:ext uri="{FF2B5EF4-FFF2-40B4-BE49-F238E27FC236}">
                <a16:creationId xmlns:a16="http://schemas.microsoft.com/office/drawing/2014/main" id="{F68AF533-DF72-12E6-87E3-175831112627}"/>
              </a:ext>
            </a:extLst>
          </p:cNvPr>
          <p:cNvSpPr/>
          <p:nvPr/>
        </p:nvSpPr>
        <p:spPr>
          <a:xfrm>
            <a:off x="4604680" y="3917613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3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3" name="title copy">
            <a:extLst>
              <a:ext uri="{FF2B5EF4-FFF2-40B4-BE49-F238E27FC236}">
                <a16:creationId xmlns:a16="http://schemas.microsoft.com/office/drawing/2014/main" id="{7C3EB8F4-26D4-E8CA-13EA-06BCA0F8EC62}"/>
              </a:ext>
            </a:extLst>
          </p:cNvPr>
          <p:cNvSpPr/>
          <p:nvPr/>
        </p:nvSpPr>
        <p:spPr>
          <a:xfrm>
            <a:off x="5709539" y="1577891"/>
            <a:ext cx="5641797" cy="312072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/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etails of partial implementation</a:t>
            </a:r>
          </a:p>
        </p:txBody>
      </p:sp>
      <p:sp>
        <p:nvSpPr>
          <p:cNvPr id="42" name="title copy">
            <a:extLst>
              <a:ext uri="{FF2B5EF4-FFF2-40B4-BE49-F238E27FC236}">
                <a16:creationId xmlns:a16="http://schemas.microsoft.com/office/drawing/2014/main" id="{127AD7E3-87F6-4274-8E4A-52659247090A}"/>
              </a:ext>
            </a:extLst>
          </p:cNvPr>
          <p:cNvSpPr/>
          <p:nvPr/>
        </p:nvSpPr>
        <p:spPr>
          <a:xfrm>
            <a:off x="5709541" y="2712027"/>
            <a:ext cx="5641796" cy="71697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endParaRPr lang="en-US"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3" name="title copy">
            <a:extLst>
              <a:ext uri="{FF2B5EF4-FFF2-40B4-BE49-F238E27FC236}">
                <a16:creationId xmlns:a16="http://schemas.microsoft.com/office/drawing/2014/main" id="{CED25BB5-6EB8-C2AB-4742-135C69EE2FA4}"/>
              </a:ext>
            </a:extLst>
          </p:cNvPr>
          <p:cNvSpPr/>
          <p:nvPr/>
        </p:nvSpPr>
        <p:spPr>
          <a:xfrm>
            <a:off x="5709539" y="4145575"/>
            <a:ext cx="5641796" cy="418758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eliminary Outcomes/Results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5" name="title copy">
            <a:extLst>
              <a:ext uri="{FF2B5EF4-FFF2-40B4-BE49-F238E27FC236}">
                <a16:creationId xmlns:a16="http://schemas.microsoft.com/office/drawing/2014/main" id="{7500DCB4-B295-1F25-3602-659FE0255443}"/>
              </a:ext>
            </a:extLst>
          </p:cNvPr>
          <p:cNvSpPr/>
          <p:nvPr/>
        </p:nvSpPr>
        <p:spPr>
          <a:xfrm>
            <a:off x="5709539" y="5475233"/>
            <a:ext cx="5641796" cy="418758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ntermediate Conclusions and What’s Next</a:t>
            </a:r>
          </a:p>
        </p:txBody>
      </p:sp>
      <p:sp>
        <p:nvSpPr>
          <p:cNvPr id="2" name="title copy">
            <a:extLst>
              <a:ext uri="{FF2B5EF4-FFF2-40B4-BE49-F238E27FC236}">
                <a16:creationId xmlns:a16="http://schemas.microsoft.com/office/drawing/2014/main" id="{E4E33086-F2AC-F56B-B1F9-706335C475C6}"/>
              </a:ext>
            </a:extLst>
          </p:cNvPr>
          <p:cNvSpPr/>
          <p:nvPr/>
        </p:nvSpPr>
        <p:spPr>
          <a:xfrm>
            <a:off x="5709540" y="2881086"/>
            <a:ext cx="5641797" cy="312072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/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&amp; Techniques used in Implementation</a:t>
            </a:r>
          </a:p>
        </p:txBody>
      </p:sp>
    </p:spTree>
    <p:extLst>
      <p:ext uri="{BB962C8B-B14F-4D97-AF65-F5344CB8AC3E}">
        <p14:creationId xmlns:p14="http://schemas.microsoft.com/office/powerpoint/2010/main" val="41757154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33" grpId="0"/>
      <p:bldP spid="2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D09EFEA-CEC5-BA43-0CAD-B373C810716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5CE82E05-1C1C-DCAF-A3B1-0C14D5D3AC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oject Recap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623F467-9FCD-632A-4641-C7BE592FA8E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382233"/>
            <a:ext cx="10515600" cy="4794730"/>
          </a:xfrm>
        </p:spPr>
        <p:txBody>
          <a:bodyPr/>
          <a:lstStyle/>
          <a:p>
            <a:r>
              <a:rPr lang="en-GB" dirty="0"/>
              <a:t>Start by revising the context of the problem and project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7940804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27703C-61A9-681F-0465-5CE90F5E35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FF94742-B930-6891-C4CF-3DE7C8180C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etails of Partial </a:t>
            </a:r>
            <a:r>
              <a:rPr lang="en-US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</a:t>
            </a:r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plementation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389A29B-6631-488F-C819-39008684BC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360967"/>
            <a:ext cx="10515600" cy="4815996"/>
          </a:xfrm>
        </p:spPr>
        <p:txBody>
          <a:bodyPr/>
          <a:lstStyle/>
          <a:p>
            <a:r>
              <a:rPr lang="en-US" dirty="0"/>
              <a:t>Explain details of the implemented modules and how they confirm to the design proposed in milestone 2 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793351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6084ABE-FB17-9AA8-9F41-05A59DC82BE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7D4123B-5A5E-2826-45A5-64C3F765F5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479" y="3325"/>
            <a:ext cx="10515600" cy="873567"/>
          </a:xfrm>
        </p:spPr>
        <p:txBody>
          <a:bodyPr/>
          <a:lstStyle/>
          <a:p>
            <a:pPr algn="ctr"/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&amp; </a:t>
            </a:r>
            <a:r>
              <a:rPr lang="en-US" sz="36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</a:t>
            </a:r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chniques </a:t>
            </a:r>
            <a:r>
              <a:rPr lang="en-US" sz="36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sed in </a:t>
            </a:r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mplementation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3B869ED-1B87-F2A5-8CA5-7B8F4AB2AB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382233"/>
            <a:ext cx="10515600" cy="4794730"/>
          </a:xfrm>
        </p:spPr>
        <p:txBody>
          <a:bodyPr/>
          <a:lstStyle/>
          <a:p>
            <a:r>
              <a:rPr lang="en-US" dirty="0"/>
              <a:t>List the tools and techniques used in Project Implementation. You may use icons here instead of text (Remove this line for the presentation).</a:t>
            </a:r>
            <a:endParaRPr lang="en-GB" dirty="0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488B9F99-5A63-BF54-7B7A-356E539DEF4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66723204"/>
              </p:ext>
            </p:extLst>
          </p:nvPr>
        </p:nvGraphicFramePr>
        <p:xfrm>
          <a:off x="1082749" y="2849524"/>
          <a:ext cx="10026502" cy="31791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35081428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167247-9B3A-4907-7C58-71DD3F6F845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76B64940-1B8A-9C98-D531-2FD5E4AFB9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eliminary Outcomes/Results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10CCFDD-217A-FDF8-54D0-D3A8421D431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360967"/>
            <a:ext cx="10515600" cy="4815996"/>
          </a:xfrm>
        </p:spPr>
        <p:txBody>
          <a:bodyPr/>
          <a:lstStyle/>
          <a:p>
            <a:r>
              <a:rPr lang="en-US" dirty="0"/>
              <a:t>Briefly, introduce the results of the implementation. Include charts or tables if you have any. 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201182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AB663C9-A4E1-70E6-7AC1-26A61C34D0E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F0152A38-DF9F-99C2-72BE-8492C10E3D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3325"/>
            <a:ext cx="12192000" cy="873567"/>
          </a:xfrm>
        </p:spPr>
        <p:txBody>
          <a:bodyPr/>
          <a:lstStyle/>
          <a:p>
            <a:pPr algn="ctr"/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ntermediate Conclusions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EA2F97A-94F0-C1B5-7668-C239F3AA68D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382233"/>
            <a:ext cx="10515600" cy="4794730"/>
          </a:xfrm>
        </p:spPr>
        <p:txBody>
          <a:bodyPr/>
          <a:lstStyle/>
          <a:p>
            <a:r>
              <a:rPr lang="en-US" dirty="0"/>
              <a:t>Comment over the results and list conclusions 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5467279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F45AD1-ABEE-1DD0-971F-D4F163FE0E8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8D5BA0EE-4441-F58D-64F9-5E31710F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0"/>
            <a:ext cx="12192000" cy="873567"/>
          </a:xfrm>
        </p:spPr>
        <p:txBody>
          <a:bodyPr/>
          <a:lstStyle/>
          <a:p>
            <a:pPr algn="ctr"/>
            <a:r>
              <a:rPr lang="en-US" sz="4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What’s Next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15F6B74-F52F-25B0-AA69-F288190D39D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92835" y="1216794"/>
            <a:ext cx="10515600" cy="940213"/>
          </a:xfrm>
        </p:spPr>
        <p:txBody>
          <a:bodyPr/>
          <a:lstStyle/>
          <a:p>
            <a:r>
              <a:rPr lang="en-US" dirty="0"/>
              <a:t>List the tasks and recommended actions for the final mileston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896801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D09EFEA-CEC5-BA43-0CAD-B373C810716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5CE82E05-1C1C-DCAF-A3B1-0C14D5D3AC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Background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623F467-9FCD-632A-4641-C7BE592FA8E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Start by setting the context of the problem and project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56643824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Line">
            <a:extLst>
              <a:ext uri="{FF2B5EF4-FFF2-40B4-BE49-F238E27FC236}">
                <a16:creationId xmlns:a16="http://schemas.microsoft.com/office/drawing/2014/main" id="{009814FF-CDE8-7FF3-25D9-29F45EF8F277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 rot="5400000">
            <a:off x="2870439" y="3447994"/>
            <a:ext cx="4256927" cy="223924"/>
          </a:xfrm>
          <a:prstGeom prst="rect">
            <a:avLst/>
          </a:prstGeom>
        </p:spPr>
      </p:pic>
      <p:sp>
        <p:nvSpPr>
          <p:cNvPr id="8" name="Title 7">
            <a:extLst>
              <a:ext uri="{FF2B5EF4-FFF2-40B4-BE49-F238E27FC236}">
                <a16:creationId xmlns:a16="http://schemas.microsoft.com/office/drawing/2014/main" id="{2B1B18CF-10E1-EF51-3B7D-A2EC2C63E6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4691"/>
            <a:ext cx="10515600" cy="716973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genda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itle copy">
            <a:extLst>
              <a:ext uri="{FF2B5EF4-FFF2-40B4-BE49-F238E27FC236}">
                <a16:creationId xmlns:a16="http://schemas.microsoft.com/office/drawing/2014/main" id="{0E2E960C-CF1F-4838-0350-4C3554BFCCB0}"/>
              </a:ext>
            </a:extLst>
          </p:cNvPr>
          <p:cNvSpPr/>
          <p:nvPr/>
        </p:nvSpPr>
        <p:spPr>
          <a:xfrm>
            <a:off x="1104687" y="1384498"/>
            <a:ext cx="3782255" cy="755651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sz="4217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ilestone 4</a:t>
            </a:r>
          </a:p>
        </p:txBody>
      </p:sp>
      <p:pic>
        <p:nvPicPr>
          <p:cNvPr id="15" name="Line-24">
            <a:extLst>
              <a:ext uri="{FF2B5EF4-FFF2-40B4-BE49-F238E27FC236}">
                <a16:creationId xmlns:a16="http://schemas.microsoft.com/office/drawing/2014/main" id="{2559CF55-CE50-E637-584D-CC649D44E9BE}"/>
              </a:ext>
            </a:extLst>
          </p:cNvPr>
          <p:cNvPicPr/>
          <p:nvPr/>
        </p:nvPicPr>
        <p:blipFill rotWithShape="1">
          <a:blip r:embed="rId4"/>
          <a:stretch>
            <a:fillRect/>
          </a:stretch>
        </p:blipFill>
        <p:spPr>
          <a:xfrm rot="5400000">
            <a:off x="436265" y="1664902"/>
            <a:ext cx="755651" cy="138050"/>
          </a:xfrm>
          <a:prstGeom prst="rect">
            <a:avLst/>
          </a:prstGeom>
          <a:solidFill>
            <a:srgbClr val="C29943"/>
          </a:solidFill>
          <a:ln>
            <a:noFill/>
          </a:ln>
        </p:spPr>
      </p:pic>
      <p:sp>
        <p:nvSpPr>
          <p:cNvPr id="16" name="Diamond Container">
            <a:extLst>
              <a:ext uri="{FF2B5EF4-FFF2-40B4-BE49-F238E27FC236}">
                <a16:creationId xmlns:a16="http://schemas.microsoft.com/office/drawing/2014/main" id="{F3409237-BDC6-1C1A-1FCB-0EEDEB4C1A68}"/>
              </a:ext>
            </a:extLst>
          </p:cNvPr>
          <p:cNvSpPr/>
          <p:nvPr/>
        </p:nvSpPr>
        <p:spPr>
          <a:xfrm>
            <a:off x="4604681" y="1284814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1</a:t>
            </a:r>
          </a:p>
        </p:txBody>
      </p:sp>
      <p:sp>
        <p:nvSpPr>
          <p:cNvPr id="25" name="Diamond Container">
            <a:extLst>
              <a:ext uri="{FF2B5EF4-FFF2-40B4-BE49-F238E27FC236}">
                <a16:creationId xmlns:a16="http://schemas.microsoft.com/office/drawing/2014/main" id="{A6FCB858-B8CB-20BD-F9D5-18846ED763E9}"/>
              </a:ext>
            </a:extLst>
          </p:cNvPr>
          <p:cNvSpPr/>
          <p:nvPr/>
        </p:nvSpPr>
        <p:spPr>
          <a:xfrm>
            <a:off x="4604680" y="2602646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2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6" name="Diamond Container">
            <a:extLst>
              <a:ext uri="{FF2B5EF4-FFF2-40B4-BE49-F238E27FC236}">
                <a16:creationId xmlns:a16="http://schemas.microsoft.com/office/drawing/2014/main" id="{717E4D21-FFBB-7482-C010-FFED40129F11}"/>
              </a:ext>
            </a:extLst>
          </p:cNvPr>
          <p:cNvSpPr/>
          <p:nvPr/>
        </p:nvSpPr>
        <p:spPr>
          <a:xfrm>
            <a:off x="4604680" y="5232580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4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8" name="Diamond Container">
            <a:extLst>
              <a:ext uri="{FF2B5EF4-FFF2-40B4-BE49-F238E27FC236}">
                <a16:creationId xmlns:a16="http://schemas.microsoft.com/office/drawing/2014/main" id="{F68AF533-DF72-12E6-87E3-175831112627}"/>
              </a:ext>
            </a:extLst>
          </p:cNvPr>
          <p:cNvSpPr/>
          <p:nvPr/>
        </p:nvSpPr>
        <p:spPr>
          <a:xfrm>
            <a:off x="4604680" y="3917613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3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3" name="title copy">
            <a:extLst>
              <a:ext uri="{FF2B5EF4-FFF2-40B4-BE49-F238E27FC236}">
                <a16:creationId xmlns:a16="http://schemas.microsoft.com/office/drawing/2014/main" id="{7C3EB8F4-26D4-E8CA-13EA-06BCA0F8EC62}"/>
              </a:ext>
            </a:extLst>
          </p:cNvPr>
          <p:cNvSpPr/>
          <p:nvPr/>
        </p:nvSpPr>
        <p:spPr>
          <a:xfrm>
            <a:off x="5709539" y="1577891"/>
            <a:ext cx="5641797" cy="312072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/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etails of Implementation</a:t>
            </a:r>
          </a:p>
        </p:txBody>
      </p:sp>
      <p:sp>
        <p:nvSpPr>
          <p:cNvPr id="42" name="title copy">
            <a:extLst>
              <a:ext uri="{FF2B5EF4-FFF2-40B4-BE49-F238E27FC236}">
                <a16:creationId xmlns:a16="http://schemas.microsoft.com/office/drawing/2014/main" id="{127AD7E3-87F6-4274-8E4A-52659247090A}"/>
              </a:ext>
            </a:extLst>
          </p:cNvPr>
          <p:cNvSpPr/>
          <p:nvPr/>
        </p:nvSpPr>
        <p:spPr>
          <a:xfrm>
            <a:off x="5709541" y="2712027"/>
            <a:ext cx="5641796" cy="71697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endParaRPr lang="en-US"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3" name="title copy">
            <a:extLst>
              <a:ext uri="{FF2B5EF4-FFF2-40B4-BE49-F238E27FC236}">
                <a16:creationId xmlns:a16="http://schemas.microsoft.com/office/drawing/2014/main" id="{CED25BB5-6EB8-C2AB-4742-135C69EE2FA4}"/>
              </a:ext>
            </a:extLst>
          </p:cNvPr>
          <p:cNvSpPr/>
          <p:nvPr/>
        </p:nvSpPr>
        <p:spPr>
          <a:xfrm>
            <a:off x="5709539" y="4145575"/>
            <a:ext cx="5641796" cy="418758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marks on Overall Project Outcome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5" name="title copy">
            <a:extLst>
              <a:ext uri="{FF2B5EF4-FFF2-40B4-BE49-F238E27FC236}">
                <a16:creationId xmlns:a16="http://schemas.microsoft.com/office/drawing/2014/main" id="{7500DCB4-B295-1F25-3602-659FE0255443}"/>
              </a:ext>
            </a:extLst>
          </p:cNvPr>
          <p:cNvSpPr/>
          <p:nvPr/>
        </p:nvSpPr>
        <p:spPr>
          <a:xfrm>
            <a:off x="5709539" y="5475233"/>
            <a:ext cx="5641796" cy="418758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Conclusions and Future Work</a:t>
            </a:r>
          </a:p>
        </p:txBody>
      </p:sp>
      <p:sp>
        <p:nvSpPr>
          <p:cNvPr id="2" name="title copy">
            <a:extLst>
              <a:ext uri="{FF2B5EF4-FFF2-40B4-BE49-F238E27FC236}">
                <a16:creationId xmlns:a16="http://schemas.microsoft.com/office/drawing/2014/main" id="{E4E33086-F2AC-F56B-B1F9-706335C475C6}"/>
              </a:ext>
            </a:extLst>
          </p:cNvPr>
          <p:cNvSpPr/>
          <p:nvPr/>
        </p:nvSpPr>
        <p:spPr>
          <a:xfrm>
            <a:off x="5709540" y="2881086"/>
            <a:ext cx="5641797" cy="312072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/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Overall Outcomes/Achievements</a:t>
            </a:r>
          </a:p>
        </p:txBody>
      </p:sp>
    </p:spTree>
    <p:extLst>
      <p:ext uri="{BB962C8B-B14F-4D97-AF65-F5344CB8AC3E}">
        <p14:creationId xmlns:p14="http://schemas.microsoft.com/office/powerpoint/2010/main" val="26293906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33" grpId="0"/>
      <p:bldP spid="2" grpId="0"/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D09EFEA-CEC5-BA43-0CAD-B373C810716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5CE82E05-1C1C-DCAF-A3B1-0C14D5D3AC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oject Recap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623F467-9FCD-632A-4641-C7BE592FA8E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382233"/>
            <a:ext cx="10515600" cy="4794730"/>
          </a:xfrm>
        </p:spPr>
        <p:txBody>
          <a:bodyPr/>
          <a:lstStyle/>
          <a:p>
            <a:r>
              <a:rPr lang="en-GB" dirty="0"/>
              <a:t>Start by revising the context of the problem and project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9500756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27703C-61A9-681F-0465-5CE90F5E35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FF94742-B930-6891-C4CF-3DE7C8180C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etails of Implementation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389A29B-6631-488F-C819-39008684BC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360967"/>
            <a:ext cx="10515600" cy="4815996"/>
          </a:xfrm>
        </p:spPr>
        <p:txBody>
          <a:bodyPr/>
          <a:lstStyle/>
          <a:p>
            <a:r>
              <a:rPr lang="en-US" dirty="0"/>
              <a:t>Explain details of the implemented modules and how they confirm to the design proposed in milestone 2 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6875823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167247-9B3A-4907-7C58-71DD3F6F845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76B64940-1B8A-9C98-D531-2FD5E4AFB9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Overall Outcomes/Achievements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10CCFDD-217A-FDF8-54D0-D3A8421D431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360967"/>
            <a:ext cx="10515600" cy="4815996"/>
          </a:xfrm>
        </p:spPr>
        <p:txBody>
          <a:bodyPr/>
          <a:lstStyle/>
          <a:p>
            <a:r>
              <a:rPr lang="en-US" dirty="0"/>
              <a:t>List the outcomes of the project. Include charts or tables if you have any. 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8196208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AB663C9-A4E1-70E6-7AC1-26A61C34D0E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F0152A38-DF9F-99C2-72BE-8492C10E3D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3325"/>
            <a:ext cx="12192000" cy="873567"/>
          </a:xfrm>
        </p:spPr>
        <p:txBody>
          <a:bodyPr/>
          <a:lstStyle/>
          <a:p>
            <a:pPr algn="ctr"/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marks on Overall Project Outcome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EA2F97A-94F0-C1B5-7668-C239F3AA68D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382233"/>
            <a:ext cx="10515600" cy="4794730"/>
          </a:xfrm>
        </p:spPr>
        <p:txBody>
          <a:bodyPr/>
          <a:lstStyle/>
          <a:p>
            <a:r>
              <a:rPr lang="en-US" dirty="0"/>
              <a:t>Explain the results of the, comment over the results and list conclusions 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43451388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F45AD1-ABEE-1DD0-971F-D4F163FE0E8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8D5BA0EE-4441-F58D-64F9-5E31710F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0"/>
            <a:ext cx="12192000" cy="873567"/>
          </a:xfrm>
        </p:spPr>
        <p:txBody>
          <a:bodyPr/>
          <a:lstStyle/>
          <a:p>
            <a:pPr algn="ctr"/>
            <a:r>
              <a:rPr lang="en-US" sz="4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Conclusions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15F6B74-F52F-25B0-AA69-F288190D39D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92835" y="1216794"/>
            <a:ext cx="10515600" cy="940213"/>
          </a:xfrm>
        </p:spPr>
        <p:txBody>
          <a:bodyPr/>
          <a:lstStyle/>
          <a:p>
            <a:r>
              <a:rPr lang="en-US" dirty="0"/>
              <a:t>Write conclusive remarks 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85721671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2F8AD1A-368E-B7C4-1043-5FD91C35E64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F7D7ADE1-62D8-7478-0F32-804D587737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0"/>
            <a:ext cx="12192000" cy="873567"/>
          </a:xfrm>
        </p:spPr>
        <p:txBody>
          <a:bodyPr/>
          <a:lstStyle/>
          <a:p>
            <a:pPr algn="ctr"/>
            <a:r>
              <a:rPr lang="en-US" sz="4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uture Work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219E22E-BABD-823E-0DAB-13CA8CE4C3D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92835" y="1216794"/>
            <a:ext cx="10515600" cy="940213"/>
          </a:xfrm>
        </p:spPr>
        <p:txBody>
          <a:bodyPr/>
          <a:lstStyle/>
          <a:p>
            <a:r>
              <a:rPr lang="en-US" dirty="0"/>
              <a:t>Write recommendations for future work (Remove this line for the presentation).</a:t>
            </a:r>
          </a:p>
        </p:txBody>
      </p:sp>
    </p:spTree>
    <p:extLst>
      <p:ext uri="{BB962C8B-B14F-4D97-AF65-F5344CB8AC3E}">
        <p14:creationId xmlns:p14="http://schemas.microsoft.com/office/powerpoint/2010/main" val="4279530716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0D6A8DB-B0DB-AF36-92EF-11C78B1D35A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3D95624-D583-7ECD-D32A-166ED924AC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ference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052CB91-56C7-6B0F-207E-408267AC8B4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Include a list of references including links to images any videos if any is used.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25461463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DE10E4-E1B9-B78B-2C3A-C39F914AFA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Possible Charts and Figur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5F33764-5BBF-DA13-C023-7C12B501347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ctr"/>
            <a:r>
              <a:rPr lang="en-US" dirty="0"/>
              <a:t>You may include these charts or figures in your presentation if they are helpful in explaining concepts and tools. </a:t>
            </a:r>
            <a:br>
              <a:rPr lang="en-US" dirty="0"/>
            </a:br>
            <a:r>
              <a:rPr lang="en-US" dirty="0"/>
              <a:t>Remove the slides that do not serve your project.</a:t>
            </a:r>
          </a:p>
        </p:txBody>
      </p:sp>
    </p:spTree>
    <p:extLst>
      <p:ext uri="{BB962C8B-B14F-4D97-AF65-F5344CB8AC3E}">
        <p14:creationId xmlns:p14="http://schemas.microsoft.com/office/powerpoint/2010/main" val="1315837700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A9DEBF5C-50F1-8291-969E-87F1D7CCED1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01027900"/>
              </p:ext>
            </p:extLst>
          </p:nvPr>
        </p:nvGraphicFramePr>
        <p:xfrm>
          <a:off x="1082749" y="2015990"/>
          <a:ext cx="10026502" cy="31791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19575500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27703C-61A9-681F-0465-5CE90F5E35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FF94742-B930-6891-C4CF-3DE7C8180C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otivation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389A29B-6631-488F-C819-39008684BC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Introduce your motivation for doing the project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4804290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380E1DC-B8B3-B265-8C06-D6C8ABA89D2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8B15D60C-B2A3-A26F-78B4-A9BA344785F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09394264"/>
              </p:ext>
            </p:extLst>
          </p:nvPr>
        </p:nvGraphicFramePr>
        <p:xfrm>
          <a:off x="988828" y="1584251"/>
          <a:ext cx="10026502" cy="468895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341540515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B094667-8DB2-63ED-41A0-576211D827E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FBDC70EE-D1F3-9271-B6A7-0722070757F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777353655"/>
              </p:ext>
            </p:extLst>
          </p:nvPr>
        </p:nvGraphicFramePr>
        <p:xfrm>
          <a:off x="988828" y="1956391"/>
          <a:ext cx="10026502" cy="431681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Title 3">
            <a:extLst>
              <a:ext uri="{FF2B5EF4-FFF2-40B4-BE49-F238E27FC236}">
                <a16:creationId xmlns:a16="http://schemas.microsoft.com/office/drawing/2014/main" id="{EEC7BBEC-E82A-84E5-DAF3-8672EF84BFFB}"/>
              </a:ext>
            </a:extLst>
          </p:cNvPr>
          <p:cNvSpPr txBox="1">
            <a:spLocks/>
          </p:cNvSpPr>
          <p:nvPr/>
        </p:nvSpPr>
        <p:spPr>
          <a:xfrm>
            <a:off x="838200" y="74429"/>
            <a:ext cx="10515600" cy="680484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4400" dirty="0">
                <a:solidFill>
                  <a:schemeClr val="bg1"/>
                </a:solidFill>
              </a:rPr>
              <a:t>Related Work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B33480A-5119-38B7-58D3-14072AC334D0}"/>
              </a:ext>
            </a:extLst>
          </p:cNvPr>
          <p:cNvSpPr txBox="1"/>
          <p:nvPr/>
        </p:nvSpPr>
        <p:spPr>
          <a:xfrm>
            <a:off x="1365901" y="1108682"/>
            <a:ext cx="951219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/>
              <a:t>Category 1</a:t>
            </a:r>
          </a:p>
        </p:txBody>
      </p:sp>
    </p:spTree>
    <p:extLst>
      <p:ext uri="{BB962C8B-B14F-4D97-AF65-F5344CB8AC3E}">
        <p14:creationId xmlns:p14="http://schemas.microsoft.com/office/powerpoint/2010/main" val="2954923506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Shape-1">
            <a:extLst>
              <a:ext uri="{FF2B5EF4-FFF2-40B4-BE49-F238E27FC236}">
                <a16:creationId xmlns:a16="http://schemas.microsoft.com/office/drawing/2014/main" id="{3E32F97D-0243-E324-F4A9-1E4FAA461079}"/>
              </a:ext>
            </a:extLst>
          </p:cNvPr>
          <p:cNvPicPr/>
          <p:nvPr/>
        </p:nvPicPr>
        <p:blipFill rotWithShape="1">
          <a:blip r:embed="rId2"/>
          <a:stretch>
            <a:fillRect/>
          </a:stretch>
        </p:blipFill>
        <p:spPr>
          <a:xfrm>
            <a:off x="1365900" y="1979524"/>
            <a:ext cx="4730100" cy="3814375"/>
          </a:xfrm>
          <a:prstGeom prst="rect">
            <a:avLst/>
          </a:prstGeom>
          <a:solidFill>
            <a:srgbClr val="0C7277"/>
          </a:solidFill>
        </p:spPr>
      </p:pic>
      <p:pic>
        <p:nvPicPr>
          <p:cNvPr id="3" name="Shape-1">
            <a:extLst>
              <a:ext uri="{FF2B5EF4-FFF2-40B4-BE49-F238E27FC236}">
                <a16:creationId xmlns:a16="http://schemas.microsoft.com/office/drawing/2014/main" id="{3D474ED7-3B32-2159-FD8C-0768804AB848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>
            <a:off x="6134220" y="2632002"/>
            <a:ext cx="4743871" cy="3814375"/>
          </a:xfrm>
          <a:prstGeom prst="rect">
            <a:avLst/>
          </a:prstGeom>
          <a:solidFill>
            <a:srgbClr val="C29943"/>
          </a:solidFill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EDB13648-325A-0D06-518D-A82E7DE052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74429"/>
            <a:ext cx="10515600" cy="680484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Alternative Solution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8CE7AC1-ED3B-1AF9-EA8C-16C5D97DC594}"/>
              </a:ext>
            </a:extLst>
          </p:cNvPr>
          <p:cNvSpPr txBox="1"/>
          <p:nvPr/>
        </p:nvSpPr>
        <p:spPr>
          <a:xfrm>
            <a:off x="1365901" y="1108682"/>
            <a:ext cx="951219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/>
              <a:t>Category 1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E30D1F5-3307-BB6A-FC43-40BD4C3606FF}"/>
              </a:ext>
            </a:extLst>
          </p:cNvPr>
          <p:cNvSpPr txBox="1"/>
          <p:nvPr/>
        </p:nvSpPr>
        <p:spPr>
          <a:xfrm>
            <a:off x="6134220" y="2797214"/>
            <a:ext cx="469188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chemeClr val="bg1"/>
                </a:solidFill>
              </a:rPr>
              <a:t>Solution 2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A0C446D-F66E-D1A3-91B7-5F87033DEF19}"/>
              </a:ext>
            </a:extLst>
          </p:cNvPr>
          <p:cNvSpPr txBox="1"/>
          <p:nvPr/>
        </p:nvSpPr>
        <p:spPr>
          <a:xfrm>
            <a:off x="1370063" y="2170337"/>
            <a:ext cx="469188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chemeClr val="bg1"/>
                </a:solidFill>
              </a:rPr>
              <a:t>Solution 1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A42F8B6-247B-ADAA-9F32-58E0A1F26CCD}"/>
              </a:ext>
            </a:extLst>
          </p:cNvPr>
          <p:cNvSpPr txBox="1"/>
          <p:nvPr/>
        </p:nvSpPr>
        <p:spPr>
          <a:xfrm>
            <a:off x="1577363" y="2687235"/>
            <a:ext cx="4104167" cy="3046988"/>
          </a:xfrm>
          <a:prstGeom prst="rect">
            <a:avLst/>
          </a:prstGeom>
          <a:noFill/>
          <a:ln>
            <a:solidFill>
              <a:srgbClr val="0C7277"/>
            </a:solidFill>
          </a:ln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Advantages: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1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2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..</a:t>
            </a:r>
          </a:p>
          <a:p>
            <a:r>
              <a:rPr lang="en-US" sz="2400" dirty="0">
                <a:solidFill>
                  <a:schemeClr val="bg1"/>
                </a:solidFill>
              </a:rPr>
              <a:t>Disadvantages: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1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2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..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21C600D-10A7-0A99-7B86-B3EDB7A0EB1D}"/>
              </a:ext>
            </a:extLst>
          </p:cNvPr>
          <p:cNvSpPr txBox="1"/>
          <p:nvPr/>
        </p:nvSpPr>
        <p:spPr>
          <a:xfrm>
            <a:off x="6454073" y="3258879"/>
            <a:ext cx="4104167" cy="3046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Advantages: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1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2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..</a:t>
            </a:r>
          </a:p>
          <a:p>
            <a:r>
              <a:rPr lang="en-US" sz="2400" dirty="0">
                <a:solidFill>
                  <a:schemeClr val="bg1"/>
                </a:solidFill>
              </a:rPr>
              <a:t>Disadvantages: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1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2</a:t>
            </a:r>
          </a:p>
          <a:p>
            <a:pPr marL="342900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</a:rPr>
              <a:t>..</a:t>
            </a:r>
          </a:p>
        </p:txBody>
      </p:sp>
    </p:spTree>
    <p:extLst>
      <p:ext uri="{BB962C8B-B14F-4D97-AF65-F5344CB8AC3E}">
        <p14:creationId xmlns:p14="http://schemas.microsoft.com/office/powerpoint/2010/main" val="30403847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A606FC2-25F4-D4F9-40F6-4478815D847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E8821252-03B2-1192-9129-8BAFE9A2A92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33000673"/>
              </p:ext>
            </p:extLst>
          </p:nvPr>
        </p:nvGraphicFramePr>
        <p:xfrm>
          <a:off x="988828" y="1956391"/>
          <a:ext cx="10026502" cy="431681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Title 3">
            <a:extLst>
              <a:ext uri="{FF2B5EF4-FFF2-40B4-BE49-F238E27FC236}">
                <a16:creationId xmlns:a16="http://schemas.microsoft.com/office/drawing/2014/main" id="{DD9F41F8-D15A-0C65-8F27-EFF3A51B589B}"/>
              </a:ext>
            </a:extLst>
          </p:cNvPr>
          <p:cNvSpPr txBox="1">
            <a:spLocks/>
          </p:cNvSpPr>
          <p:nvPr/>
        </p:nvSpPr>
        <p:spPr>
          <a:xfrm>
            <a:off x="838200" y="74429"/>
            <a:ext cx="10515600" cy="680484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4400" dirty="0">
                <a:solidFill>
                  <a:schemeClr val="bg1"/>
                </a:solidFill>
              </a:rPr>
              <a:t>Alternative Solution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0887CA7-6149-24AC-A89C-7B8A205B3072}"/>
              </a:ext>
            </a:extLst>
          </p:cNvPr>
          <p:cNvSpPr txBox="1"/>
          <p:nvPr/>
        </p:nvSpPr>
        <p:spPr>
          <a:xfrm>
            <a:off x="1365901" y="1108682"/>
            <a:ext cx="951219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/>
              <a:t>Category 1</a:t>
            </a:r>
          </a:p>
        </p:txBody>
      </p:sp>
    </p:spTree>
    <p:extLst>
      <p:ext uri="{BB962C8B-B14F-4D97-AF65-F5344CB8AC3E}">
        <p14:creationId xmlns:p14="http://schemas.microsoft.com/office/powerpoint/2010/main" val="3917330600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Goals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1" name="Content Placeholder 2">
            <a:extLst>
              <a:ext uri="{FF2B5EF4-FFF2-40B4-BE49-F238E27FC236}">
                <a16:creationId xmlns:a16="http://schemas.microsoft.com/office/drawing/2014/main" id="{EF990B32-4C27-4FFB-A359-61351D599BA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705249445"/>
              </p:ext>
            </p:extLst>
          </p:nvPr>
        </p:nvGraphicFramePr>
        <p:xfrm>
          <a:off x="2454349" y="1244009"/>
          <a:ext cx="7283301" cy="492442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69C3936C-BC4A-6178-D2D6-993E23253C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"/>
            <a:ext cx="10515600" cy="733646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Expected Outcomes</a:t>
            </a:r>
          </a:p>
        </p:txBody>
      </p:sp>
    </p:spTree>
    <p:extLst>
      <p:ext uri="{BB962C8B-B14F-4D97-AF65-F5344CB8AC3E}">
        <p14:creationId xmlns:p14="http://schemas.microsoft.com/office/powerpoint/2010/main" val="46088664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A589897-CBE4-A44B-93E4-E1F008A664E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CAC51FAC-F77A-2CFA-446D-42657980546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77279447"/>
              </p:ext>
            </p:extLst>
          </p:nvPr>
        </p:nvGraphicFramePr>
        <p:xfrm>
          <a:off x="981739" y="1456661"/>
          <a:ext cx="10228521" cy="431681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Title 3">
            <a:extLst>
              <a:ext uri="{FF2B5EF4-FFF2-40B4-BE49-F238E27FC236}">
                <a16:creationId xmlns:a16="http://schemas.microsoft.com/office/drawing/2014/main" id="{E574E5D0-344E-AA9C-87F0-3DEAC0B6CBD0}"/>
              </a:ext>
            </a:extLst>
          </p:cNvPr>
          <p:cNvSpPr txBox="1">
            <a:spLocks/>
          </p:cNvSpPr>
          <p:nvPr/>
        </p:nvSpPr>
        <p:spPr>
          <a:xfrm>
            <a:off x="838200" y="74429"/>
            <a:ext cx="10515600" cy="680484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4400" dirty="0">
                <a:solidFill>
                  <a:schemeClr val="bg1"/>
                </a:solidFill>
              </a:rPr>
              <a:t>Methodology</a:t>
            </a:r>
          </a:p>
        </p:txBody>
      </p:sp>
    </p:spTree>
    <p:extLst>
      <p:ext uri="{BB962C8B-B14F-4D97-AF65-F5344CB8AC3E}">
        <p14:creationId xmlns:p14="http://schemas.microsoft.com/office/powerpoint/2010/main" val="4108412011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8CE5DF1-D2CB-59AD-7B67-D7ABBA1C970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79E58EF-F411-21BB-C154-7B2276B04220}"/>
              </a:ext>
            </a:extLst>
          </p:cNvPr>
          <p:cNvSpPr txBox="1">
            <a:spLocks/>
          </p:cNvSpPr>
          <p:nvPr/>
        </p:nvSpPr>
        <p:spPr>
          <a:xfrm>
            <a:off x="838200" y="74429"/>
            <a:ext cx="10515600" cy="680484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4400" dirty="0">
                <a:solidFill>
                  <a:schemeClr val="bg1"/>
                </a:solidFill>
              </a:rPr>
              <a:t>Chart 1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E6DD9FB1-9A11-2D35-C7B3-A073B684B04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56748378"/>
              </p:ext>
            </p:extLst>
          </p:nvPr>
        </p:nvGraphicFramePr>
        <p:xfrm>
          <a:off x="2032000" y="889787"/>
          <a:ext cx="8128000" cy="541866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807898398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4C4D0B7-6502-F622-A231-C478921AC93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BB44ED-2F84-899C-F187-E042BEB9913A}"/>
              </a:ext>
            </a:extLst>
          </p:cNvPr>
          <p:cNvSpPr txBox="1">
            <a:spLocks/>
          </p:cNvSpPr>
          <p:nvPr/>
        </p:nvSpPr>
        <p:spPr>
          <a:xfrm>
            <a:off x="838200" y="74429"/>
            <a:ext cx="10515600" cy="680484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4400" dirty="0">
                <a:solidFill>
                  <a:schemeClr val="bg1"/>
                </a:solidFill>
              </a:rPr>
              <a:t>Chart 2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1A5B2C97-45F3-7320-E6EA-375DD96069E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82455162"/>
              </p:ext>
            </p:extLst>
          </p:nvPr>
        </p:nvGraphicFramePr>
        <p:xfrm>
          <a:off x="2032000" y="889787"/>
          <a:ext cx="8128000" cy="541866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88385768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40C3C9F-2B3B-8850-EAA1-69166CE1E9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50C3921D-4040-C2BC-7F51-85AC79EABD66}"/>
              </a:ext>
            </a:extLst>
          </p:cNvPr>
          <p:cNvSpPr txBox="1">
            <a:spLocks/>
          </p:cNvSpPr>
          <p:nvPr/>
        </p:nvSpPr>
        <p:spPr>
          <a:xfrm>
            <a:off x="838200" y="74429"/>
            <a:ext cx="10515600" cy="680484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4400" dirty="0">
                <a:solidFill>
                  <a:schemeClr val="bg1"/>
                </a:solidFill>
              </a:rPr>
              <a:t>Chart 3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2FF9F6AE-BC2C-AED5-BA6B-A171C7A5B65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22844599"/>
              </p:ext>
            </p:extLst>
          </p:nvPr>
        </p:nvGraphicFramePr>
        <p:xfrm>
          <a:off x="2032000" y="889787"/>
          <a:ext cx="8128000" cy="541866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82161020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F45AD1-ABEE-1DD0-971F-D4F163FE0E8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8D5BA0EE-4441-F58D-64F9-5E31710F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oblem Statement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15F6B74-F52F-25B0-AA69-F288190D39D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Describe the problem the project tackles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969517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76C64E4-E860-4E75-D4D9-CEC802DCE3F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CA297ECC-3AA9-165E-8128-250A996778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cope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562AC71-CB2E-CF55-A370-CB948B7DCC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Describe the project scope. Set the boundaries of your project.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553265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F77181A-4585-9617-6C33-575B369FC90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97DEC9B-C414-413B-8EBC-F7F69BC138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lated Work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510F4D6-A696-EEC6-0116-EE4FA300057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577270"/>
            <a:ext cx="10515600" cy="1109486"/>
          </a:xfrm>
        </p:spPr>
        <p:txBody>
          <a:bodyPr/>
          <a:lstStyle/>
          <a:p>
            <a:r>
              <a:rPr lang="en-US" dirty="0"/>
              <a:t>Briefly, describe work related to your project, preferably, using a table (Remove this line for the presentation).</a:t>
            </a:r>
            <a:endParaRPr lang="en-GB" dirty="0"/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8C5BEC4A-1BE1-C1D3-998B-105C3179F6D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9320141"/>
              </p:ext>
            </p:extLst>
          </p:nvPr>
        </p:nvGraphicFramePr>
        <p:xfrm>
          <a:off x="1014760" y="2840796"/>
          <a:ext cx="10339039" cy="310896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3446347">
                  <a:extLst>
                    <a:ext uri="{9D8B030D-6E8A-4147-A177-3AD203B41FA5}">
                      <a16:colId xmlns:a16="http://schemas.microsoft.com/office/drawing/2014/main" val="1849003147"/>
                    </a:ext>
                  </a:extLst>
                </a:gridCol>
                <a:gridCol w="1148782">
                  <a:extLst>
                    <a:ext uri="{9D8B030D-6E8A-4147-A177-3AD203B41FA5}">
                      <a16:colId xmlns:a16="http://schemas.microsoft.com/office/drawing/2014/main" val="2317838205"/>
                    </a:ext>
                  </a:extLst>
                </a:gridCol>
                <a:gridCol w="1148782">
                  <a:extLst>
                    <a:ext uri="{9D8B030D-6E8A-4147-A177-3AD203B41FA5}">
                      <a16:colId xmlns:a16="http://schemas.microsoft.com/office/drawing/2014/main" val="1592165812"/>
                    </a:ext>
                  </a:extLst>
                </a:gridCol>
                <a:gridCol w="1148782">
                  <a:extLst>
                    <a:ext uri="{9D8B030D-6E8A-4147-A177-3AD203B41FA5}">
                      <a16:colId xmlns:a16="http://schemas.microsoft.com/office/drawing/2014/main" val="592617862"/>
                    </a:ext>
                  </a:extLst>
                </a:gridCol>
                <a:gridCol w="1148782">
                  <a:extLst>
                    <a:ext uri="{9D8B030D-6E8A-4147-A177-3AD203B41FA5}">
                      <a16:colId xmlns:a16="http://schemas.microsoft.com/office/drawing/2014/main" val="1549527365"/>
                    </a:ext>
                  </a:extLst>
                </a:gridCol>
                <a:gridCol w="1148782">
                  <a:extLst>
                    <a:ext uri="{9D8B030D-6E8A-4147-A177-3AD203B41FA5}">
                      <a16:colId xmlns:a16="http://schemas.microsoft.com/office/drawing/2014/main" val="2231131815"/>
                    </a:ext>
                  </a:extLst>
                </a:gridCol>
                <a:gridCol w="1148782">
                  <a:extLst>
                    <a:ext uri="{9D8B030D-6E8A-4147-A177-3AD203B41FA5}">
                      <a16:colId xmlns:a16="http://schemas.microsoft.com/office/drawing/2014/main" val="69222169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0C7277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0C7277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0C7277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0C7277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0C7277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0C7277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0C727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0636328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r" rtl="1"/>
                      <a:endParaRPr lang="ar-SA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r" rtl="1"/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337673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r" rtl="1"/>
                      <a:endParaRPr lang="ar-SA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461220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r" rtl="1"/>
                      <a:endParaRPr lang="ar-SA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9217027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r" rtl="1"/>
                      <a:endParaRPr lang="ar-SA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rgbClr val="EBDEC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240124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r" rtl="1"/>
                      <a:endParaRPr lang="ar-SA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endParaRPr lang="en-GB" sz="2800" dirty="0">
                        <a:latin typeface="DIN Next LT Arabic" panose="020B0503020203050203" pitchFamily="34" charset="-78"/>
                        <a:cs typeface="DIN Next LT Arabic" panose="020B0503020203050203" pitchFamily="34" charset="-78"/>
                      </a:endParaRPr>
                    </a:p>
                  </a:txBody>
                  <a:tcP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6905982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59472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B52202D-BDEB-DC8F-E278-BFBB7D096CB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64D84A5-168D-EC9A-6D2B-C99E0C4761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Objectives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66148A8-1BE7-6785-2F14-9F1ADD3BD71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List the project objectives </a:t>
            </a:r>
            <a:r>
              <a:rPr lang="en-US" dirty="0"/>
              <a:t>(Remove this line for the presentation)</a:t>
            </a:r>
            <a:r>
              <a:rPr lang="en-GB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10478972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52A3225-B52C-C0F4-364A-55285FEF593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2544CF0B-F3DC-660B-EA93-35E87E1454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xpected Outcomes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BCEB161-9A62-6728-3E77-7B22CF61172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List the expected outcomes. Focus on aspects relevant to computing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5269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4-12-30T23:59:00.0000000Z"/>
  <p:tag name="OTLENDDATE" val="2025-01-01T23:59:00.0000000Z"/>
  <p:tag name="OTLPERCENTAGE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1-12T00:00:00.0000000Z"/>
  <p:tag name="OTLENDDATE" val="2025-02-21T23:59:00.0000000Z"/>
  <p:tag name="OTLPERCENTAGE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1-12T00:00:00.0000000Z"/>
  <p:tag name="OTLENDDATE" val="2025-01-30T23:59:00.0000000Z"/>
  <p:tag name="OTLPERCENTAGE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1-12T00:00:00.0000000Z"/>
  <p:tag name="OTLENDDATE" val="2025-01-30T23:59:00.0000000Z"/>
  <p:tag name="OTLPERCENTAGE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2-02T00:00:00.0000000Z"/>
  <p:tag name="OTLENDDATE" val="2025-02-20T23:59:00.0000000Z"/>
  <p:tag name="OTLPERCENTAGE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2-02T00:00:00.0000000Z"/>
  <p:tag name="OTLENDDATE" val="2025-02-20T23:59:00.0000000Z"/>
  <p:tag name="OTLPERCENTAGE" val="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3-23T00:00:00.0000000Z"/>
  <p:tag name="OTLENDDATE" val="2025-04-10T23:59:00.0000000Z"/>
  <p:tag name="OTLPERCENTAGE" val="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4-13T00:00:00.0000000Z"/>
  <p:tag name="OTLENDDATE" val="2025-05-01T23:59:00.0000000Z"/>
  <p:tag name="OTLPERCENTAG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02T00:00:00.0000000Z"/>
  <p:tag name="OTLENDDATE" val="2025-03-20T23:59:00.0000000Z"/>
  <p:tag name="OTLPERCENTAGE" val="0"/>
  <p:tag name="OTLDURATIONFORMAT" val="day"/>
  <p:tag name="OTLSPACING" val="5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1-12T00:00:00.0000000Z"/>
  <p:tag name="OTLENDDATE" val="2025-05-04T23:59:00.0000000Z"/>
  <p:tag name="OTLPERCENTAGE" val="0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TIMEBANDENDDATE" val="2025-05-04T23:59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">
      <a:dk1>
        <a:srgbClr val="005773"/>
      </a:dk1>
      <a:lt1>
        <a:srgbClr val="FFFFFF"/>
      </a:lt1>
      <a:dk2>
        <a:srgbClr val="005773"/>
      </a:dk2>
      <a:lt2>
        <a:srgbClr val="E7E6E6"/>
      </a:lt2>
      <a:accent1>
        <a:srgbClr val="0C7078"/>
      </a:accent1>
      <a:accent2>
        <a:srgbClr val="C29943"/>
      </a:accent2>
      <a:accent3>
        <a:srgbClr val="005773"/>
      </a:accent3>
      <a:accent4>
        <a:srgbClr val="C29943"/>
      </a:accent4>
      <a:accent5>
        <a:srgbClr val="C0392B"/>
      </a:accent5>
      <a:accent6>
        <a:srgbClr val="2C3F50"/>
      </a:accent6>
      <a:hlink>
        <a:srgbClr val="0C7078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مستند" ma:contentTypeID="0x0101006E715EFE7EF24E49A67E10E0AC442593" ma:contentTypeVersion="2" ma:contentTypeDescription="إنشاء مستند جديد." ma:contentTypeScope="" ma:versionID="903dfd8788becfc1a53525e0c8ee416e">
  <xsd:schema xmlns:xsd="http://www.w3.org/2001/XMLSchema" xmlns:xs="http://www.w3.org/2001/XMLSchema" xmlns:p="http://schemas.microsoft.com/office/2006/metadata/properties" xmlns:ns1="http://schemas.microsoft.com/sharepoint/v3" xmlns:ns2="62be96db-45dc-4974-8e89-41c5da6715c4" targetNamespace="http://schemas.microsoft.com/office/2006/metadata/properties" ma:root="true" ma:fieldsID="c2338bbc0c60615803c489042680e789" ns1:_="" ns2:_="">
    <xsd:import namespace="http://schemas.microsoft.com/sharepoint/v3"/>
    <xsd:import namespace="62be96db-45dc-4974-8e89-41c5da6715c4"/>
    <xsd:element name="properties">
      <xsd:complexType>
        <xsd:sequence>
          <xsd:element name="documentManagement">
            <xsd:complexType>
              <xsd:all>
                <xsd:element ref="ns1:PublishingStartDate" minOccurs="0"/>
                <xsd:element ref="ns1:PublishingExpirationDate" minOccurs="0"/>
                <xsd:element ref="ns2:SharedWithUser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8" nillable="true" ma:displayName="جدولة تاريخ البدء" ma:description="" ma:hidden="true" ma:internalName="PublishingStartDate">
      <xsd:simpleType>
        <xsd:restriction base="dms:Unknown"/>
      </xsd:simpleType>
    </xsd:element>
    <xsd:element name="PublishingExpirationDate" ma:index="9" nillable="true" ma:displayName="جدولة تاريخ الانتهاء" ma:description="" ma:hidden="true" ma:internalName="PublishingExpirationDat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2be96db-45dc-4974-8e89-41c5da6715c4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تمت مشاركته مع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نوع المحتوى"/>
        <xsd:element ref="dc:title" minOccurs="0" maxOccurs="1" ma:index="4" ma:displayName="العنوان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ublishingExpirationDate xmlns="http://schemas.microsoft.com/sharepoint/v3" xsi:nil="true"/>
    <PublishingStartDate xmlns="http://schemas.microsoft.com/sharepoint/v3" xsi:nil="true"/>
  </documentManagement>
</p:properties>
</file>

<file path=customXml/itemProps1.xml><?xml version="1.0" encoding="utf-8"?>
<ds:datastoreItem xmlns:ds="http://schemas.openxmlformats.org/officeDocument/2006/customXml" ds:itemID="{55198AC3-25A2-46D6-BDD4-FACD09AAC783}"/>
</file>

<file path=customXml/itemProps2.xml><?xml version="1.0" encoding="utf-8"?>
<ds:datastoreItem xmlns:ds="http://schemas.openxmlformats.org/officeDocument/2006/customXml" ds:itemID="{9F441663-035F-4D1A-9752-9180B3D9B865}"/>
</file>

<file path=customXml/itemProps3.xml><?xml version="1.0" encoding="utf-8"?>
<ds:datastoreItem xmlns:ds="http://schemas.openxmlformats.org/officeDocument/2006/customXml" ds:itemID="{66A98CC6-E3F6-4009-8360-B02D01FA9F33}"/>
</file>

<file path=docProps/app.xml><?xml version="1.0" encoding="utf-8"?>
<Properties xmlns="http://schemas.openxmlformats.org/officeDocument/2006/extended-properties" xmlns:vt="http://schemas.openxmlformats.org/officeDocument/2006/docPropsVTypes">
  <TotalTime>4499</TotalTime>
  <Words>1215</Words>
  <Application>Microsoft Office PowerPoint</Application>
  <PresentationFormat>Widescreen</PresentationFormat>
  <Paragraphs>278</Paragraphs>
  <Slides>48</Slides>
  <Notes>37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8</vt:i4>
      </vt:variant>
    </vt:vector>
  </HeadingPairs>
  <TitlesOfParts>
    <vt:vector size="52" baseType="lpstr">
      <vt:lpstr>Arial</vt:lpstr>
      <vt:lpstr>DIN Next LT Arabic</vt:lpstr>
      <vt:lpstr>Calibri</vt:lpstr>
      <vt:lpstr>Office Theme</vt:lpstr>
      <vt:lpstr>Project Title</vt:lpstr>
      <vt:lpstr>Agenda</vt:lpstr>
      <vt:lpstr>Background</vt:lpstr>
      <vt:lpstr>Motivation</vt:lpstr>
      <vt:lpstr>Problem Statement</vt:lpstr>
      <vt:lpstr>Scope</vt:lpstr>
      <vt:lpstr>Related Work</vt:lpstr>
      <vt:lpstr>Objectives</vt:lpstr>
      <vt:lpstr>Expected Outcomes</vt:lpstr>
      <vt:lpstr>Methodology</vt:lpstr>
      <vt:lpstr>Alternative Solutions</vt:lpstr>
      <vt:lpstr>Requirements</vt:lpstr>
      <vt:lpstr>Requirements</vt:lpstr>
      <vt:lpstr>Requirements</vt:lpstr>
      <vt:lpstr>Requirements</vt:lpstr>
      <vt:lpstr>Reference</vt:lpstr>
      <vt:lpstr>Questions and Answers</vt:lpstr>
      <vt:lpstr>Agenda</vt:lpstr>
      <vt:lpstr>Project Recap</vt:lpstr>
      <vt:lpstr>Tools Used in Project Proposal</vt:lpstr>
      <vt:lpstr>Tools &amp; Techniques for Implementation</vt:lpstr>
      <vt:lpstr>Identified tasks &amp; plan for implementation</vt:lpstr>
      <vt:lpstr>Agenda</vt:lpstr>
      <vt:lpstr>Project Recap</vt:lpstr>
      <vt:lpstr>Details of Partial Implementation</vt:lpstr>
      <vt:lpstr>Tools &amp; Techniques used in Implementation</vt:lpstr>
      <vt:lpstr>Preliminary Outcomes/Results</vt:lpstr>
      <vt:lpstr>Intermediate Conclusions</vt:lpstr>
      <vt:lpstr>What’s Next</vt:lpstr>
      <vt:lpstr>Agenda</vt:lpstr>
      <vt:lpstr>Project Recap</vt:lpstr>
      <vt:lpstr>Details of Implementation</vt:lpstr>
      <vt:lpstr>Overall Outcomes/Achievements</vt:lpstr>
      <vt:lpstr>Remarks on Overall Project Outcome</vt:lpstr>
      <vt:lpstr>Conclusions</vt:lpstr>
      <vt:lpstr>Future Work</vt:lpstr>
      <vt:lpstr>Reference</vt:lpstr>
      <vt:lpstr>Possible Charts and Figures</vt:lpstr>
      <vt:lpstr>PowerPoint Presentation</vt:lpstr>
      <vt:lpstr>PowerPoint Presentation</vt:lpstr>
      <vt:lpstr>PowerPoint Presentation</vt:lpstr>
      <vt:lpstr>Alternative Solutions</vt:lpstr>
      <vt:lpstr>PowerPoint Presentation</vt:lpstr>
      <vt:lpstr>Expected Outcomes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>Safa Alsalman</dc:creator>
  <cp:lastModifiedBy>Safa Alsalman</cp:lastModifiedBy>
  <cp:revision>18</cp:revision>
  <dcterms:modified xsi:type="dcterms:W3CDTF">2025-03-15T23:08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E715EFE7EF24E49A67E10E0AC442593</vt:lpwstr>
  </property>
</Properties>
</file>